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13-220-2022 Upgrade angiografického prístroja INNOVA 2100\03. Príprava\06. PTK\PTK IV\Odoslané\"/>
    </mc:Choice>
  </mc:AlternateContent>
  <bookViews>
    <workbookView xWindow="0" yWindow="0" windowWidth="23040" windowHeight="9195"/>
  </bookViews>
  <sheets>
    <sheet name="PTK - ponuka" sheetId="8" r:id="rId1"/>
  </sheets>
  <definedNames>
    <definedName name="_xlnm.Print_Area" localSheetId="0">'PTK - ponuka'!$A$1:$E$22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5" uniqueCount="338">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hodnota ponúkaného ekvivalentného produktu</t>
  </si>
  <si>
    <t>dôvod neakceptovania požiadavky a návrh jej úpravy</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2.</t>
  </si>
  <si>
    <t>3.</t>
  </si>
  <si>
    <t>4.</t>
  </si>
  <si>
    <t>5.</t>
  </si>
  <si>
    <t>6.</t>
  </si>
  <si>
    <t>8.</t>
  </si>
  <si>
    <t>9.</t>
  </si>
  <si>
    <t>10.</t>
  </si>
  <si>
    <t>11.</t>
  </si>
  <si>
    <t>tovar, služba</t>
  </si>
  <si>
    <t>7.</t>
  </si>
  <si>
    <t>ks</t>
  </si>
  <si>
    <t>50421000-2 Opravy a údržba lekárskych zariadení</t>
  </si>
  <si>
    <t>60000000-8 Dopravné služby (bez prepravy odpadu)</t>
  </si>
  <si>
    <t>Technologický projekt návrh priestorového usporiadania</t>
  </si>
  <si>
    <t>Odborné skúšky RTG zariadenia v súlade s legislatívou - preberacia skúška</t>
  </si>
  <si>
    <t xml:space="preserve">Odborná skúška zariadenia - elektrické revízie </t>
  </si>
  <si>
    <t>Skúšky dlhodobej stability v zmysle zákona č. 87/2018 o radiačnej ochrane a o zmene a doplnení niektorých zákonov</t>
  </si>
  <si>
    <r>
      <rPr>
        <b/>
        <sz val="10"/>
        <color theme="1"/>
        <rFont val="Arial"/>
        <family val="2"/>
        <charset val="238"/>
      </rPr>
      <t>Povolenie na dovoz, vývoz, predaj a distribúciu zdrojov ionizujúceho žiarenia.</t>
    </r>
    <r>
      <rPr>
        <sz val="10"/>
        <color theme="1"/>
        <rFont val="Arial"/>
        <family val="2"/>
        <charset val="238"/>
      </rPr>
      <t xml:space="preserve"> Rovnako ako aj povolenie na inštaláciu a servis zdrojov ionizujúceho žiarenia, vydané Úradom verejného zdravotníctva SR - zákon 355/2007 Z.z.</t>
    </r>
  </si>
  <si>
    <t>1. Všeobecný opis zariadenia</t>
  </si>
  <si>
    <t>1.1</t>
  </si>
  <si>
    <t>Prístroj (pracovisko) musí byť vybavený veľkoplošnou obrazovkou vo vyšetrovacej miestnosti s možnosťou prepojenia všetkých potrebných zobrazení a modalít potrebných na vyšetrenia a intervenčné zákroky. Prístroj musí byť cielene určený pre elektrofyziologické výkony s dedikovaným hardverovým tienením a/alebo SW funkciami špecificky určenými na minimalizáciu interferencie s elektrofyziologickými a 3D mapovacími systémami (EnSite, CARTO).</t>
  </si>
  <si>
    <t>1.2</t>
  </si>
  <si>
    <t>1.3</t>
  </si>
  <si>
    <t>1.4</t>
  </si>
  <si>
    <t>1.5</t>
  </si>
  <si>
    <t>1.6</t>
  </si>
  <si>
    <t xml:space="preserve">2. Geometria (C-ramena)  </t>
  </si>
  <si>
    <t>Možnosť motorického polohovania ramena +/- 90 stupňov voči pacientovi bez nutnosti otáčania stola.</t>
  </si>
  <si>
    <t xml:space="preserve">Možnosť automatických programovateľných pozícií. </t>
  </si>
  <si>
    <t>2.1</t>
  </si>
  <si>
    <t>2.2</t>
  </si>
  <si>
    <t>2.3</t>
  </si>
  <si>
    <t>2.4</t>
  </si>
  <si>
    <t>3. Diagnostický stôl pacienta</t>
  </si>
  <si>
    <t>3.1</t>
  </si>
  <si>
    <t>3.2</t>
  </si>
  <si>
    <t>3.3</t>
  </si>
  <si>
    <t>3.4</t>
  </si>
  <si>
    <t>3.5</t>
  </si>
  <si>
    <t>3.6</t>
  </si>
  <si>
    <t>3.7</t>
  </si>
  <si>
    <t>4. Kolimátor</t>
  </si>
  <si>
    <t>4.1</t>
  </si>
  <si>
    <t>4.2</t>
  </si>
  <si>
    <t>5.1</t>
  </si>
  <si>
    <t>5.2</t>
  </si>
  <si>
    <t>5.3</t>
  </si>
  <si>
    <t>5.4</t>
  </si>
  <si>
    <t>5.5</t>
  </si>
  <si>
    <t>5.6</t>
  </si>
  <si>
    <t>5.7</t>
  </si>
  <si>
    <t>5.8</t>
  </si>
  <si>
    <t>5.9</t>
  </si>
  <si>
    <t>6. Obrazové spracovanie</t>
  </si>
  <si>
    <t>6.1</t>
  </si>
  <si>
    <t>6.2</t>
  </si>
  <si>
    <t>6.3</t>
  </si>
  <si>
    <t>6.4</t>
  </si>
  <si>
    <t>6.5</t>
  </si>
  <si>
    <t>6.6</t>
  </si>
  <si>
    <t>6.7</t>
  </si>
  <si>
    <t>7. Monitor vo vyšetrovni</t>
  </si>
  <si>
    <t>7.1</t>
  </si>
  <si>
    <t>8. Monitor v ovládacej miestnosti</t>
  </si>
  <si>
    <t>8.1</t>
  </si>
  <si>
    <t>9. Ovládanie systému</t>
  </si>
  <si>
    <t>Ovládanie všetkých funkcií pohybu C-ramene z panelov na troch stranách detektora.</t>
  </si>
  <si>
    <t>9.1</t>
  </si>
  <si>
    <t>9.2</t>
  </si>
  <si>
    <t>9.3</t>
  </si>
  <si>
    <t>9.4</t>
  </si>
  <si>
    <t>10. Pracovné módy obrazového systému</t>
  </si>
  <si>
    <t>Rozsah digitálnej obrazovej akvizície pre maticu 1024 x 1024 min. 4 – 30 obr./sec</t>
  </si>
  <si>
    <t>10.1</t>
  </si>
  <si>
    <t>10.2</t>
  </si>
  <si>
    <t>10.3</t>
  </si>
  <si>
    <t>11. Intervenčné nástroje</t>
  </si>
  <si>
    <t>11.1</t>
  </si>
  <si>
    <t>11.2</t>
  </si>
  <si>
    <t>11.3</t>
  </si>
  <si>
    <t>11.4</t>
  </si>
  <si>
    <t>11.5</t>
  </si>
  <si>
    <t>11.6</t>
  </si>
  <si>
    <t>11.7</t>
  </si>
  <si>
    <t>11.8</t>
  </si>
  <si>
    <t>11.9</t>
  </si>
  <si>
    <t>11.10</t>
  </si>
  <si>
    <t>Integrovaná pracovná stanica do angiografického systému alebo samostatná pracovná stanica s:</t>
  </si>
  <si>
    <t>Export obrazových dát v štandardných PC formátoch (JPEG, AVI...) ako aj DICOM.</t>
  </si>
  <si>
    <t>12.1</t>
  </si>
  <si>
    <t>13.1</t>
  </si>
  <si>
    <t>13.2</t>
  </si>
  <si>
    <t>11.11</t>
  </si>
  <si>
    <t>13.3</t>
  </si>
  <si>
    <t>13.4</t>
  </si>
  <si>
    <t>13.5</t>
  </si>
  <si>
    <t>13.6</t>
  </si>
  <si>
    <t>9.5</t>
  </si>
  <si>
    <t xml:space="preserve">Požadované minimálne osobitné požiadavky na predmet zákazky a doklady (uvedené doklady bude verejný obstarávateľ požadovať pre vyhlásení verejného obstarávania):
</t>
  </si>
  <si>
    <t>Požadovaný počet MJ  na zmluvné obdobie</t>
  </si>
  <si>
    <t xml:space="preserve">spĺňa / nespĺňa </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12. Príslušenstvo:</t>
  </si>
  <si>
    <t>12.2</t>
  </si>
  <si>
    <t>12.3</t>
  </si>
  <si>
    <t>12.4</t>
  </si>
  <si>
    <t>12.5</t>
  </si>
  <si>
    <t>12.6</t>
  </si>
  <si>
    <t>13.7</t>
  </si>
  <si>
    <t>13.8</t>
  </si>
  <si>
    <t xml:space="preserve">akceptujem / neakceptujem </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Poznámka:</t>
  </si>
  <si>
    <t>- povinné údaje vyplní uchádzač</t>
  </si>
  <si>
    <t>podpis:</t>
  </si>
  <si>
    <t>meno:</t>
  </si>
  <si>
    <t>pracovná pozícia:</t>
  </si>
  <si>
    <t>pečiatka:</t>
  </si>
  <si>
    <t>Kalkulácia ceny - Štruktúrovaný rozpočet ceny predmetu zákazky</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Angiograf pre arytmologickú implantačnú sálu so 60 mesačnou záručnou dobou</t>
  </si>
  <si>
    <t>Podlahový angiografický prístroj umožňujúci kompletnú arytmologickú diagnostiku a liečbu</t>
  </si>
  <si>
    <t xml:space="preserve">Zariadenie, ktoré využíva technológie umelej inteligencie na úpravu pomeru kontrastu k šumu, aby sa dosiahla minimálna dávka podľa princípu ALARA („tak nízka, ako je rozumne dosiahnuteľná“), bez nepriaznivého ovplyvnenia kvality obrazu) </t>
  </si>
  <si>
    <t xml:space="preserve">Prístroj vybavený plochým detektorom </t>
  </si>
  <si>
    <t>Systém  musí byť možné  napojiť  na nemocničný informačný systém NIS, ako aj na úložisko dát a internet</t>
  </si>
  <si>
    <t>Postprocesorová stanica musí byť schopná vyhodnotiť všetky digitálne obrazové dáta s možnosťou ďalšieho spracovania a archivácie aj z iných zdrojov obrazu (napr. CT, MR, EKG, ECHO)</t>
  </si>
  <si>
    <t xml:space="preserve">Flexibilné motoricky posuvné C-rameno upevnené  o podlahu  </t>
  </si>
  <si>
    <t>Kontúrovanie pacienta zabezpečujúce konštantnú vzdialenosť medzi detektorom a telom pacienta počas zmeny projekcie</t>
  </si>
  <si>
    <t>Katetrizačný stôl s „plávajúcou“ úložnou doskou s možnosťou otáčania – pivot  min. ± 180° , nosnosť min. 250kg</t>
  </si>
  <si>
    <t>Podložka hlavy</t>
  </si>
  <si>
    <t>Pacientska podložka (matrac) pre kardiologické vyšetrenia min 15cm hrúbky</t>
  </si>
  <si>
    <t>Fixačné pomôcky pre fixovanie pacienta</t>
  </si>
  <si>
    <t>Držiak pre podporu ramena pri prístupe z radiálnej alebo brachiálnej tepny</t>
  </si>
  <si>
    <t>Stojan infúznych roztokov a držiak káblov k stolu</t>
  </si>
  <si>
    <t>Sledovanie skutočnej polohy röntgenového lúča vo vzťahu k modelu pokrývajúceho celé telo pacienta, berúc do úvahy polohu pacienta na stole, bez potreby fluoroskopie</t>
  </si>
  <si>
    <t>Nastavenie clony kolimátora na monitore bez žiarenia</t>
  </si>
  <si>
    <t>Zariadenie musí mať integrovaný systém merania dávky. Produkovaná dávka a plošná dávka musia byť kumulatívne spracované a zobrazované, správa o dávke musí byť uložená do pacientskej série vyšetrení v DICOM kompatibilnom štruktúrovanom reporte</t>
  </si>
  <si>
    <t>5. Aplikácie  na minimalizovanie dávky röntgenového žiarenia bez negatívnych vplyvov na kvalitu obrazu</t>
  </si>
  <si>
    <t>V záujme znižovania dávky pre pacientov a personál systém musí obsahovať inteligentný riadiaci softvér, ktorý pomáha minimalizovať dávku röntgenového žiarenia, pri dodržaní princípu ALARA („As Low As Reasonably Achievable“), bez negatívnych vplyvov na kvalitu obrazu</t>
  </si>
  <si>
    <t>Automatický riadiaci systém rtg generátora pre plne automatický výpočet a optimalizáciu údajov pre  expozíciu na základe skiaskopických hodnôt</t>
  </si>
  <si>
    <t xml:space="preserve">Polohovanie primárnych kolimátorov bez radiácie pomocou grafického znázornenia kolimátorov na poslednom archivovanom obraze </t>
  </si>
  <si>
    <t xml:space="preserve">Monitorovanie a znázornenie dávky na monitoroch v obsluhovni a vo vyšetrovni v reálnom čase </t>
  </si>
  <si>
    <t xml:space="preserve">Signalizácia dosiahnutia a prekročenia užívateľom stanovenej dávky </t>
  </si>
  <si>
    <t>Report o dávke  s štrukturálnom reporte v DICOM formáte (DICOM SR)</t>
  </si>
  <si>
    <t>Musí zabezpečiť v reálnom čase potlačenie pohybových artefaktov, zvýraznenie hrán vyšetrovaných objektov, redukciu šumu v obraze a korekciu homogenity obrazu</t>
  </si>
  <si>
    <t>Vyberateľný raster na zníženie dávky žiarenia</t>
  </si>
  <si>
    <t>Spracovanie obrazu a archivácia v matici  min. 1024 x 1024</t>
  </si>
  <si>
    <t>Rotačná angiografia</t>
  </si>
  <si>
    <t>Rozšírenie  výstupu videosignálu  z veľkého monitora z vyšetrovne pre prenos obrazu do prednáškovej miestnosti pomocou počítačovej siete</t>
  </si>
  <si>
    <t>DICOM obrazový interface (DICOM Store, Query/Retrieve)</t>
  </si>
  <si>
    <t>DICOM RIS interface (DICOM WLM, MPPS, DICOM structured dose report)</t>
  </si>
  <si>
    <t>Rozhranie pre pripojenie UZ prístroja</t>
  </si>
  <si>
    <t>Možnosť uloženia vyšetrenia na DVD</t>
  </si>
  <si>
    <t>Medicínsky LCD HD farebný monitor s uhlopriečkou min. 57" s natívnym formátom min. 3840 x 2160 (8 Mpix), typická svietivosť min. 400 cd/m2, kontrast min. 1:1400 s možnosťou:                                                                                                   - zobrazenia min. 18 kanálov (video vstupov) na monitor</t>
  </si>
  <si>
    <r>
      <t xml:space="preserve">Min. 1 x 27" monitor s možnosťou variabilného rozdelenia obrazovej plochy, tak aby sa dal sledovať aktuálny skiaskopický obraz, roadmap  ako aj vykonávať 3D, VRT rekonštrukcie  </t>
    </r>
    <r>
      <rPr>
        <sz val="10"/>
        <color rgb="FF000000"/>
        <rFont val="Arial"/>
        <family val="2"/>
        <charset val="238"/>
      </rPr>
      <t>ev 2 x LCD monitory</t>
    </r>
    <r>
      <rPr>
        <b/>
        <sz val="10"/>
        <color rgb="FF000000"/>
        <rFont val="Arial"/>
        <family val="2"/>
        <charset val="238"/>
      </rPr>
      <t xml:space="preserve"> </t>
    </r>
    <r>
      <rPr>
        <sz val="10"/>
        <color rgb="FF000000"/>
        <rFont val="Arial"/>
        <family val="2"/>
        <charset val="238"/>
      </rPr>
      <t>s rozmerom minimálne 19"</t>
    </r>
  </si>
  <si>
    <t>Ovládanie všetkých funkcií pohybu C-ramena a stola z testovacieho stola. Ovládací panel sa musí dať ľahko umiestniť na obe strany vyšetrovacieho stola (buď na pravú alebo ľavú stranu pacienta, v závislosti od operátora)</t>
  </si>
  <si>
    <t>Dotyková obrazovka umiestnená na diagnostickom stole (môže byť umiestnená vpravo alebo vľavo v závislosti od polohy operátora) na ovládanie funkcií systému, zobrazenie funkcií systému a funkcií vybraných prídavných zariadení</t>
  </si>
  <si>
    <t>Bezkáblový nožný spínač vo vyšetrovni pre ovládanie expozície, skiaskopie fluoroskopie</t>
  </si>
  <si>
    <t>Rozsah pulzov pri pulznej fluoroskopii min. 4 – 30 obr./sec</t>
  </si>
  <si>
    <t>Uloženie min. posledných 10 sekúnd</t>
  </si>
  <si>
    <t>Zobrazenie všetkých intervenčných nástrojov (SW) na medicínskom monitore v ovládacej miestnosti ako napr. minimálne: zobrazenie obrazov s 3D postprocesingovej pracovnej stanice, meranie a grafické  vyhodnotenie stenóz, meranie a vyhodnotenie EF ĽK, znázornenie obrazu  z externých video zdrojov ako napr. PACS,  hemodynamický systém, ultrazvukový  prístroj, OCT ....</t>
  </si>
  <si>
    <t>Paralelné zobrazenie všetkých intervenčných nástrojov (SW) na veľkom monitore vo vyšetrovni ako napr. minimálne: zobrazenie obrazov s 3D postprocesingovej pracovnej stanice, meranie a grafické  vyhodnotenie stenóz, meranie a vyhodnotenie EF ĽK, znázornenie obrazu  z externých video zdrojov ako napr. PACS,  hemodynamický systém, ultrazvukový  prístroj, ....</t>
  </si>
  <si>
    <t>Automatické nastavenie pozície C-ramena do optimálnej polohy podľa 3D projekcie, nasledovanie 3D obrazu v závislosti na zmene sklonu C-ramena</t>
  </si>
  <si>
    <t xml:space="preserve">Roadmapping pomocou kombinácie živej fluoroskopie a predom získaných 3D MR/CT dát, pričom obraz musí sledovať pohyby C-ramena </t>
  </si>
  <si>
    <t>SW algoritmy pre excelentnú vizualizáciu ciev v zložitých projekciách (harmonizácia obrazu, zvýšenie ostrosti, kontrastu a rozlíšenia...)</t>
  </si>
  <si>
    <t>Vysokokontrastné a nízkokontrastné znázornenie obrazov v 3D v natívnom</t>
  </si>
  <si>
    <t>Plánovanie o podpora zavádzania ihly do určeného  objektu pomocou 3D/3D  alebo 2D/3D fúzovaných  obrazov z angiografického zariadenia a živého skiaskopického obrazu alebo fúzovaných obrazov z nezávislých obrazových zdrojov ako CT,MR,PET, PET/CT so živým skiaskopickým obrazom.  Pri zavádzaní ihly sa využíva podpora laserového kríža v kryte detektorov.</t>
  </si>
  <si>
    <t>SW pre fúziu fluoroskopických 2D/3D obrazov s obrazmi z nezávislých zdrojov ako MR,CT,PET/CT,PET, kedy volumetrické snímky sú následne automaticky spojené s 3D – RA rekonštrukciou</t>
  </si>
  <si>
    <t>SW na spracovanie obrazov aj z iných modalít s minimálnymi funkciami: MPR (multiplanárna rekonštrukcia), SSD (zobrazenia s vytieňovaným povrchom), MIP (projekcie maximálnej intenzity) alebo MinIP  (projekcie min. intenzity).</t>
  </si>
  <si>
    <t>11.11.1</t>
  </si>
  <si>
    <t>11.11.2</t>
  </si>
  <si>
    <t>11.11.3</t>
  </si>
  <si>
    <t>11.11.4</t>
  </si>
  <si>
    <t>11.11.5</t>
  </si>
  <si>
    <t>11.12</t>
  </si>
  <si>
    <t>11.13</t>
  </si>
  <si>
    <t>SW vybavenie umožňujúce „živú“ navigáciu vykonávať napr. katétrovú abláciu; SW musí umožňovať online prepojenie 3D anatomickej mapy srdca (časť srdca) z predtým získaných a importovaných CT dát srdca a živého RTG snímku, ako aj z 3D snímok generovaných na angiografickom prístroji a živého röntgenu. obrazu. možnosť označenia ablačných bodov počas procedúry.</t>
  </si>
  <si>
    <t>Štít z olovnatého skla zo stropným závesom</t>
  </si>
  <si>
    <t>Clony z olovnatej gumy s uchytením k stolu</t>
  </si>
  <si>
    <t>Operačné svietidlo na stropnom závese s intenzitou svetla min. 30.000 lux</t>
  </si>
  <si>
    <t>Podložky pod hlavu, a ruky pacienta</t>
  </si>
  <si>
    <t>Záložný zdroj energie: Na zabezpečenie podpory pohybu rúk a stola a prenosu obrazových údajov</t>
  </si>
  <si>
    <t xml:space="preserve">Dorozumievacie zariadenie pre komunikáciu medzi ovládacou miestnosťou a vyšetrovňou </t>
  </si>
  <si>
    <t>13. Služby súvisiace s dodaním angiografického systému s príslušenstvom pre arytmologickú implantačnú sálu</t>
  </si>
  <si>
    <t>Demontáž a likvidácia pôvodného angiografu</t>
  </si>
  <si>
    <t>Dodanie predmetu zákazky t.j. zabezpečenie dopravy do miesta plnenia, jeho vyloženie v mieste plnenia, vybalenie a likvidácia obalov</t>
  </si>
  <si>
    <t>Kompletizácia, inštalácia a uvedenie do prevádzky  vrátane potrebných stavebných prác</t>
  </si>
  <si>
    <t xml:space="preserve">Odskúšanie funkčnosti a prevádzkyschopnosti dodaného predmetu zákazky, vykonanie prvej úradnej skúšky (preberacej skúšky) a vykonanie skúšky dlhodobej stability </t>
  </si>
  <si>
    <t>Integrácia angiografických aplikácií a aplikácií z externých zdrojov do angiografu (hemodynamický systém, externý prenosný počítač, postprocesorová stanica...) s monitorom min. 55 palcov vo vyšetrovni umožňujúce:  
Možnosť robiť analýzu a meranie, kalibráciu, výber scény a kopírovanie obrazu na referenčný monitor počas skiaskopie a fluoroskopie
Možnosť nastavenia parametrov obrazu minimálne však kontrast, jas, ostrenie okrajov (zvýraznenie hrán) na ovládači v ovládacej miestnosti o živým náhľadom týchto zmien na veľkom displeji</t>
  </si>
  <si>
    <t xml:space="preserve">min. dva 19“ LCD  farebné monitory alebo jeden min. 27“ LCD  farebný monitor, </t>
  </si>
  <si>
    <t xml:space="preserve">interná RAM v prípade samostatnej pracovnej stanici min. 32GB, </t>
  </si>
  <si>
    <t>HDD v prípade samostatnej pracovnej stanici min. 512 GB</t>
  </si>
  <si>
    <t>myš + klávesnica + laserová tlačiareň</t>
  </si>
  <si>
    <t>UPS v prípade samostatnej pracovnej stanici</t>
  </si>
  <si>
    <r>
      <t xml:space="preserve">Výstupný dokument posudzovania zhody </t>
    </r>
    <r>
      <rPr>
        <sz val="10"/>
        <color theme="1"/>
        <rFont val="Arial"/>
        <family val="2"/>
        <charset val="238"/>
      </rPr>
      <t>(EÚ vyhlásenie o zhode, označenie CE, značka zhody, certifikát, rozhodnutie, protokol, správa, stanovisko, záznam alebo iný dokument vydaný autorizovanou osobou alebo notifikovanou osobou, ktorý osvedčuje splnenie základných požiadaviek určeného výrobku postupom posudzovania zhody) podľa zák. č. 58/2018 Z.z. o posudzovaní zhody výrobku, sprístupňovaní určeného výrobku na trhu a o zmene a doplnení niektorých zákonov (ďalej len "zákon o zhode") v prípade, ak tak ustanovuje technický predpis z oblasti posudzovania zhody v zmysle zákona o zhode.
Uchádzač predloženým dokumentom preukáže, že všetky ponúkané produkty spĺňajú požiadavky, ktoré sa na nich vzťahujú podľa zákona o zhode a technického predpisu z oblasti posudzovania zhody, že boli dodržané postupy posudzovania zhody ustanovené zákonom o zhode alebo iným osobitným predpisom, a že určené výrobky sú správne označené.</t>
    </r>
  </si>
  <si>
    <t>2.1.</t>
  </si>
  <si>
    <t>2.2.</t>
  </si>
  <si>
    <t>2.3.</t>
  </si>
  <si>
    <t>2.4.</t>
  </si>
  <si>
    <t>2.5.</t>
  </si>
  <si>
    <t>2.6.</t>
  </si>
  <si>
    <t>8.1.</t>
  </si>
  <si>
    <t>8.2.</t>
  </si>
  <si>
    <t>8.3.</t>
  </si>
  <si>
    <t>8.4.</t>
  </si>
  <si>
    <t>8.5.</t>
  </si>
  <si>
    <t>8.6.</t>
  </si>
  <si>
    <t>8.7.</t>
  </si>
  <si>
    <t>8.8.</t>
  </si>
  <si>
    <t>8.9.</t>
  </si>
  <si>
    <t>8.10.</t>
  </si>
  <si>
    <t>9.1.</t>
  </si>
  <si>
    <t>10.1.</t>
  </si>
  <si>
    <t>10.2.</t>
  </si>
  <si>
    <t>11.1.</t>
  </si>
  <si>
    <t>11.2.</t>
  </si>
  <si>
    <t>12.</t>
  </si>
  <si>
    <t>13.</t>
  </si>
  <si>
    <t>14.</t>
  </si>
  <si>
    <t>v pracovných dňoch,</t>
  </si>
  <si>
    <t>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5: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5: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uzatvorenie kúpnej zmluvy.</t>
  </si>
  <si>
    <t xml:space="preserve">Dodávateľ poskytuje na prístroj a všetky jeho súčasti komplexnú záruku v trvaní 60 mesiacov odo dňa, kedy je prístroj uvedený do prevádzky. Uvedenie prístroja do prevádzky a začiatok plynutia záručnej doby sa potvrdí na preberacom protokole, ktorý podpíšu obe zmluvné strany, t. j. Dodávateľ a Objednávateľ, resp. ich oprávnení zástupcovia. Uvedená záručná doba sa automaticky predlžuje o dobu, po ktorú nemohol byť prístroj využívaný na účel, na ktorý je určený, a to z dôvodov na ktoré sa vzťahuje záruka. </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V prípade, ak sa na predmet zákazky vykonala prípravná trhová konzultácia, informácie k prípravnej trhovej konzultácie verejný obstarávateľ zverejňuje na internetovej stránke: www.vusch.sk/verejne-obstaravanie/</t>
  </si>
  <si>
    <t>15.</t>
  </si>
  <si>
    <t>16.</t>
  </si>
  <si>
    <t>17.</t>
  </si>
  <si>
    <t>18.</t>
  </si>
  <si>
    <t>19.</t>
  </si>
  <si>
    <t>20.</t>
  </si>
  <si>
    <t>21.</t>
  </si>
  <si>
    <t>22.</t>
  </si>
  <si>
    <t>23.</t>
  </si>
  <si>
    <t>Požaduje sa dodanie prístroja:</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Požaduje sa vykonanie skúšky prístroja - elektrická revízia, odborná skúška RTG prístroja v súlade s platnou legislatívou (preberacia skúška), skúška dlhodobej stability. Po úspešnom vykonaní všetkých požadovaných skúšok a odovzdaní skúšobných protokolov Objednávateľovi dôjde k prevzatiu prístroja oprávneným zástupcom Objednávateľa.</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Kúpna cena prístroja zahŕňa aj služby spojené s jeho dodaním, t. j. zabezpečenie dopravy do dohodnutého miesta dodania, dopravu Dodávateľa do miesta poskytnutia služby a späť, demontáž a likvidáciu pôvodného angiografu, všetky potrebné stavebné úpravy,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áruka na 5 rokov od dňa uvedenia do prevádzky</t>
  </si>
  <si>
    <t>Zaškolenie zamestnancov verejného obstarávateľa do 21 dní odo dňa doručenia výzvy verejného obstarávateľa v rozsahu potrebnom na samostatné užívateľské ovládanie prístroja, minimálne 5 pracovných dní a zároveň ďalšie aplikačné školenie po 3 mesiacoch odo dňa uvedenia predmetu zákazky do prevádzky v rozsahu 3 pracovných dní a zároveň ďalšie aplikačné školenie po 12 mesiacoch odo dňa uvedenia predmetu zákazky do prevádzky. Všetky školenia musia byť realizované v slovenskom jazyku, resp. v prípade zahraničného školiteľa musí byť prítomný tlmočník.</t>
  </si>
  <si>
    <t>Angiograf pre arytmologickú implantačnú sálu vrátane stavebných úprav</t>
  </si>
  <si>
    <t>Požaduje sa jednorázové dodanie nového, nepoužívaného a nerepasovaného prístroja vrátane služieb uvedených v bode 13. časti 4. TECHNICKÁ ŠPECIFIKÁCIA PREDMETU ZÁKAZKY a vrátane stavebných úprav.</t>
  </si>
  <si>
    <t>Položka č. 2</t>
  </si>
  <si>
    <t>Položka č. 3</t>
  </si>
  <si>
    <t>Stavebné úpravy</t>
  </si>
  <si>
    <t>celok</t>
  </si>
  <si>
    <r>
      <t xml:space="preserve">Potvrdenie ŠÚKL </t>
    </r>
    <r>
      <rPr>
        <sz val="10"/>
        <color theme="1"/>
        <rFont val="Arial"/>
        <family val="2"/>
        <charset val="238"/>
      </rPr>
      <t>(výstup z databázy registrovaných/evidovaných zdravotníckych pomôcok), resp. iné doklady, ktoré nahrádzajú požadované potvrdenie</t>
    </r>
  </si>
  <si>
    <r>
      <t>Potvrdenie o autorizovanom servise</t>
    </r>
    <r>
      <rPr>
        <sz val="10"/>
        <color theme="1"/>
        <rFont val="Arial"/>
        <family val="2"/>
        <charset val="238"/>
      </rPr>
      <t xml:space="preserve"> vydané výrobcom ponúkaných produktov, ktorým uchádzač preukáže schopnosť vykonávať autorizovaný servis. Ak uchádzač nemá uvedené potvrdenie, predloží neoverenú kópiu zmluvy so servisnou organizáciou, ktorá požadované potvrdenie má a zároveň potvrdenia o autorizovanom servise vydané výrobcom ponúkaného produktu servisnej organizácie.</t>
    </r>
  </si>
  <si>
    <r>
      <rPr>
        <b/>
        <sz val="10"/>
        <color theme="1"/>
        <rFont val="Arial"/>
        <family val="2"/>
        <charset val="238"/>
      </rPr>
      <t xml:space="preserve">Zoznam a kontaktné údaje servisných stredísk </t>
    </r>
    <r>
      <rPr>
        <sz val="10"/>
        <color theme="1"/>
        <rFont val="Arial"/>
        <family val="2"/>
        <charset val="238"/>
      </rPr>
      <t>dodávateľa pre potreby plnenia zmluvy</t>
    </r>
  </si>
  <si>
    <r>
      <rPr>
        <b/>
        <sz val="10"/>
        <color theme="1"/>
        <rFont val="Arial"/>
        <family val="2"/>
        <charset val="238"/>
      </rPr>
      <t>Kontaktné údaje na Klientske pracovisko</t>
    </r>
    <r>
      <rPr>
        <sz val="10"/>
        <color theme="1"/>
        <rFont val="Arial"/>
        <family val="2"/>
        <charset val="238"/>
      </rPr>
      <t xml:space="preserve"> uchádzača - tzv. „Hotline", „Helpdesk", „Call centrum ..."pre potreby plnenia zmluvy</t>
    </r>
  </si>
  <si>
    <t>Musí mať automatický pixel shift s kompenzáciou pohybu pacienta alebo pohybu stola počas subtrakčnej angiografie a funkcie roadmap bez nutnosti zásahu užívateľa v reálnom čase</t>
  </si>
  <si>
    <t>Cone beam CT pre vizualizáciu srdcových tkanív, SW a HW vybavenie rozširujúce možnosti angiografického systému o generovanie obrazov podobné ako pri CT – 3D volumetrické zobrazenie, zobrazenie v rezoch s možnosťou nastavenia hrúbky rezov</t>
  </si>
  <si>
    <t xml:space="preserve">Odovzdanie dokumentácie potrebnej pre riadne a bezchybné použitie predmetu zákazky na stanovený účel, a to najmä, no nie len výlučne: technologický projekt,  návod na obsluhu, kompletná užívateľská dokumentácia, technická servisná dokumentácia, certifikáty, skúšobné protokoly. Dodávateľ sa zaväzuje zabezpečiť  pre riadne a včasné splnenie dodávky prístroja v súlade s technologickým projektom a s tým súvisiacej dĺžky a zložitosti stavebných úprav priestorov, najmä:                                                                                                                        a) statický posudok transportnej trasy,
b) statický posudok miesta inštalácie zariadenia,                                                                                                                        c) statický posudok ukotvenia stropných statívov,
d) projekt radiačnej ochrany,
e) príprava transportnej trasy,
f) statické podopretie transportnej plošiny,
g) ukotvenie platne stropného statívu v zmysle statického posudku o strop,                                                                              h) realizáciu/dodávku technologického rozvádzača angiografu,
i) iné potrebné dokumenty týkajúce sa technických požiadaviek v prípade osobitnej požiadavky.
</t>
  </si>
  <si>
    <t xml:space="preserve">Inštalácia zariadenia podľa technologického projektu úspešného uchádzača  môže byť predložená aj bez potreby vykonania zásahu do jestvujúceho dispozičného riešenia pôvodného angiografického systému, t. j. bez zásahu do statiky pracoviska, do stavebných konštrukcií a súčasnej dispozície priestorov a vyšetrovne pracoviska. Termín realizácie takejto inštalácie max. 6 týždňov. </t>
  </si>
  <si>
    <t>Prospektový materiál</t>
  </si>
  <si>
    <t>Položka č. 4</t>
  </si>
  <si>
    <t>Ostavné služby súvisiace s dodaním angiografického systému s príslušenstvom pre invazívnu kardiológiu</t>
  </si>
  <si>
    <r>
      <t xml:space="preserve">Prospektový materiál </t>
    </r>
    <r>
      <rPr>
        <sz val="10"/>
        <color theme="1"/>
        <rFont val="Arial"/>
        <family val="2"/>
        <charset val="238"/>
      </rPr>
      <t>(resp. iný doklad), prostredníctvom ktorého uchádzač jednoznačne preukáže, že ním ponúkaný produkt spĺňa verejným obstarávateľom požadované minimálne technické vlastnosti, parametre a hodnoty predmetu zákazky. (ak je doklad alebo dokument vyhotovený v inom ako štátnom jazyku alebo českom jazyku, predkladá sa spolu s jeho úradným prekladom do štátneho jazyka).</t>
    </r>
  </si>
  <si>
    <t>do 60 kalendárnych dní odo dňa doručenia objednávky vystavenej Objednávateľom, pričom vystavenie objednávky je závislé od technologického projektu ponuky úspešného uchádzača a s tým súvisiaciej dĺžky a zložitosti stavebných úprav priestorov, v ktorých bude prístroj umiestnený,</t>
  </si>
  <si>
    <t>33111720-4 Angiografické prístroje</t>
  </si>
  <si>
    <t xml:space="preserve">51410000-9 Inštalácia lekárskych zariadení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20"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0"/>
      <color rgb="FF000000"/>
      <name val="Arial"/>
      <family val="2"/>
      <charset val="238"/>
    </font>
    <font>
      <b/>
      <sz val="10"/>
      <color rgb="FF000000"/>
      <name val="Arial"/>
      <family val="2"/>
      <charset val="238"/>
    </font>
    <font>
      <sz val="10"/>
      <color rgb="FF000000"/>
      <name val="Times New Roman"/>
      <family val="1"/>
      <charset val="238"/>
    </font>
    <font>
      <b/>
      <i/>
      <sz val="10"/>
      <name val="Arial"/>
      <family val="2"/>
      <charset val="238"/>
    </font>
    <font>
      <sz val="8"/>
      <color theme="1"/>
      <name val="Times New Roman"/>
      <family val="1"/>
      <charset val="238"/>
    </font>
    <font>
      <sz val="9"/>
      <name val="Arial"/>
      <family val="2"/>
      <charset val="238"/>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8">
    <border>
      <left/>
      <right/>
      <top/>
      <bottom/>
      <diagonal/>
    </border>
    <border>
      <left style="medium">
        <color auto="1"/>
      </left>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right style="medium">
        <color auto="1"/>
      </right>
      <top/>
      <bottom style="thin">
        <color auto="1"/>
      </bottom>
      <diagonal/>
    </border>
    <border>
      <left style="thin">
        <color auto="1"/>
      </left>
      <right style="thin">
        <color auto="1"/>
      </right>
      <top/>
      <bottom style="thin">
        <color indexed="64"/>
      </bottom>
      <diagonal/>
    </border>
    <border>
      <left style="medium">
        <color auto="1"/>
      </left>
      <right/>
      <top style="thin">
        <color auto="1"/>
      </top>
      <bottom style="thin">
        <color auto="1"/>
      </bottom>
      <diagonal/>
    </border>
    <border>
      <left/>
      <right/>
      <top style="thin">
        <color auto="1"/>
      </top>
      <bottom style="thin">
        <color auto="1"/>
      </bottom>
      <diagonal/>
    </border>
    <border>
      <left/>
      <right style="medium">
        <color auto="1"/>
      </right>
      <top style="medium">
        <color auto="1"/>
      </top>
      <bottom style="dotted">
        <color auto="1"/>
      </bottom>
      <diagonal/>
    </border>
    <border>
      <left style="thin">
        <color rgb="FFC00000"/>
      </left>
      <right style="thin">
        <color rgb="FFC00000"/>
      </right>
      <top style="thin">
        <color rgb="FFC00000"/>
      </top>
      <bottom style="thin">
        <color rgb="FFC00000"/>
      </bottom>
      <diagonal/>
    </border>
    <border>
      <left style="thin">
        <color auto="1"/>
      </left>
      <right/>
      <top style="medium">
        <color auto="1"/>
      </top>
      <bottom/>
      <diagonal/>
    </border>
    <border>
      <left/>
      <right style="medium">
        <color auto="1"/>
      </right>
      <top style="medium">
        <color auto="1"/>
      </top>
      <bottom/>
      <diagonal/>
    </border>
    <border>
      <left style="thin">
        <color auto="1"/>
      </left>
      <right style="dotted">
        <color auto="1"/>
      </right>
      <top style="dotted">
        <color auto="1"/>
      </top>
      <bottom style="medium">
        <color auto="1"/>
      </bottom>
      <diagonal/>
    </border>
    <border>
      <left style="thin">
        <color auto="1"/>
      </left>
      <right/>
      <top style="medium">
        <color auto="1"/>
      </top>
      <bottom style="dotted">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medium">
        <color indexed="64"/>
      </bottom>
      <diagonal/>
    </border>
    <border>
      <left style="dotted">
        <color auto="1"/>
      </left>
      <right style="medium">
        <color auto="1"/>
      </right>
      <top style="dotted">
        <color auto="1"/>
      </top>
      <bottom style="medium">
        <color auto="1"/>
      </bottom>
      <diagonal/>
    </border>
    <border>
      <left style="thin">
        <color auto="1"/>
      </left>
      <right style="medium">
        <color indexed="64"/>
      </right>
      <top/>
      <bottom style="thin">
        <color auto="1"/>
      </bottom>
      <diagonal/>
    </border>
    <border>
      <left style="thin">
        <color auto="1"/>
      </left>
      <right style="thin">
        <color auto="1"/>
      </right>
      <top style="medium">
        <color indexed="64"/>
      </top>
      <bottom/>
      <diagonal/>
    </border>
    <border>
      <left style="thin">
        <color auto="1"/>
      </left>
      <right style="medium">
        <color indexed="64"/>
      </right>
      <top style="medium">
        <color indexed="64"/>
      </top>
      <bottom/>
      <diagonal/>
    </border>
    <border>
      <left style="medium">
        <color indexed="64"/>
      </left>
      <right style="thin">
        <color auto="1"/>
      </right>
      <top/>
      <bottom style="medium">
        <color indexed="64"/>
      </bottom>
      <diagonal/>
    </border>
    <border>
      <left/>
      <right style="medium">
        <color indexed="64"/>
      </right>
      <top style="thin">
        <color auto="1"/>
      </top>
      <bottom style="medium">
        <color indexed="64"/>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thin">
        <color auto="1"/>
      </left>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s>
  <cellStyleXfs count="8">
    <xf numFmtId="0" fontId="0" fillId="0" borderId="0"/>
    <xf numFmtId="0" fontId="4" fillId="0" borderId="0"/>
    <xf numFmtId="0" fontId="4" fillId="0" borderId="0"/>
    <xf numFmtId="0" fontId="1" fillId="0" borderId="0"/>
    <xf numFmtId="0" fontId="4" fillId="0" borderId="0"/>
    <xf numFmtId="0" fontId="1" fillId="0" borderId="0"/>
    <xf numFmtId="0" fontId="15" fillId="0" borderId="0"/>
    <xf numFmtId="0" fontId="4" fillId="0" borderId="0"/>
  </cellStyleXfs>
  <cellXfs count="185">
    <xf numFmtId="0" fontId="0" fillId="0" borderId="0" xfId="0"/>
    <xf numFmtId="0" fontId="7" fillId="0" borderId="0" xfId="5" applyFont="1" applyAlignment="1" applyProtection="1">
      <alignment wrapText="1"/>
      <protection locked="0"/>
    </xf>
    <xf numFmtId="0" fontId="7" fillId="0" borderId="0" xfId="5" applyFont="1" applyAlignment="1" applyProtection="1">
      <alignment horizontal="center" vertical="top"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25" xfId="0" applyFont="1" applyFill="1" applyBorder="1" applyAlignment="1" applyProtection="1">
      <alignment wrapText="1"/>
      <protection locked="0"/>
    </xf>
    <xf numFmtId="0" fontId="17" fillId="0" borderId="0" xfId="0" applyFont="1" applyAlignment="1" applyProtection="1">
      <alignment horizontal="left" vertical="center"/>
      <protection locked="0"/>
    </xf>
    <xf numFmtId="0" fontId="18" fillId="0" borderId="0" xfId="7" applyFont="1" applyAlignment="1" applyProtection="1">
      <alignment horizontal="left"/>
      <protection locked="0"/>
    </xf>
    <xf numFmtId="0" fontId="18" fillId="0" borderId="0" xfId="7" applyFont="1" applyAlignment="1" applyProtection="1">
      <alignment horizontal="center"/>
      <protection locked="0"/>
    </xf>
    <xf numFmtId="0" fontId="18" fillId="0" borderId="0" xfId="7" applyFont="1" applyFill="1" applyBorder="1" applyProtection="1">
      <protection locked="0"/>
    </xf>
    <xf numFmtId="164" fontId="18" fillId="0" borderId="0" xfId="7" applyNumberFormat="1" applyFont="1" applyAlignment="1" applyProtection="1">
      <alignment horizontal="right"/>
      <protection locked="0"/>
    </xf>
    <xf numFmtId="0" fontId="18" fillId="0" borderId="0" xfId="7" applyFont="1" applyProtection="1">
      <protection locked="0"/>
    </xf>
    <xf numFmtId="0" fontId="2" fillId="0" borderId="0" xfId="0" applyFont="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7" fillId="2" borderId="8" xfId="0" applyNumberFormat="1" applyFont="1" applyFill="1" applyBorder="1" applyAlignment="1" applyProtection="1">
      <alignment horizontal="left" vertical="top" wrapText="1"/>
      <protection locked="0"/>
    </xf>
    <xf numFmtId="0" fontId="2" fillId="0" borderId="0" xfId="0" applyFont="1" applyFill="1" applyAlignment="1" applyProtection="1">
      <alignment horizontal="center" vertical="top"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vertical="top" wrapText="1"/>
      <protection locked="0"/>
    </xf>
    <xf numFmtId="16" fontId="9" fillId="0" borderId="0" xfId="0" applyNumberFormat="1" applyFont="1" applyFill="1" applyAlignment="1" applyProtection="1">
      <alignment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left" vertical="center" wrapText="1"/>
      <protection locked="0"/>
    </xf>
    <xf numFmtId="0" fontId="2" fillId="0" borderId="0" xfId="0" applyFont="1" applyFill="1" applyAlignment="1" applyProtection="1">
      <alignment horizontal="left" vertical="top" wrapText="1"/>
      <protection locked="0"/>
    </xf>
    <xf numFmtId="0" fontId="2" fillId="3" borderId="8" xfId="0" applyFont="1" applyFill="1" applyBorder="1" applyAlignment="1" applyProtection="1">
      <alignment horizontal="left" vertical="top" wrapText="1"/>
      <protection locked="0"/>
    </xf>
    <xf numFmtId="0" fontId="2" fillId="3" borderId="3"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6" borderId="8" xfId="0" applyFont="1" applyFill="1" applyBorder="1" applyAlignment="1" applyProtection="1">
      <alignment vertical="center" wrapText="1"/>
      <protection locked="0"/>
    </xf>
    <xf numFmtId="0" fontId="4" fillId="6" borderId="3" xfId="0" applyFont="1" applyFill="1" applyBorder="1" applyAlignment="1" applyProtection="1">
      <alignment horizontal="left" vertical="center" wrapText="1"/>
      <protection locked="0"/>
    </xf>
    <xf numFmtId="0" fontId="2" fillId="6" borderId="8" xfId="0" applyFont="1" applyFill="1" applyBorder="1" applyAlignment="1" applyProtection="1">
      <alignment horizontal="center" vertical="center" wrapText="1"/>
      <protection locked="0"/>
    </xf>
    <xf numFmtId="3" fontId="4" fillId="6" borderId="8" xfId="0" applyNumberFormat="1" applyFont="1" applyFill="1" applyBorder="1" applyAlignment="1" applyProtection="1">
      <alignment horizontal="center" vertical="center" wrapText="1"/>
      <protection locked="0"/>
    </xf>
    <xf numFmtId="0" fontId="2" fillId="6" borderId="0" xfId="0" applyFont="1" applyFill="1" applyAlignment="1" applyProtection="1">
      <alignment vertical="center" wrapText="1"/>
      <protection locked="0"/>
    </xf>
    <xf numFmtId="49" fontId="3" fillId="0" borderId="0" xfId="0" applyNumberFormat="1" applyFont="1" applyFill="1" applyAlignment="1" applyProtection="1">
      <alignment horizontal="left" vertical="top" wrapText="1"/>
      <protection locked="0"/>
    </xf>
    <xf numFmtId="0" fontId="2" fillId="0" borderId="0" xfId="0" applyFont="1" applyFill="1" applyAlignment="1" applyProtection="1">
      <alignment wrapText="1"/>
      <protection locked="0"/>
    </xf>
    <xf numFmtId="0" fontId="2" fillId="0" borderId="0" xfId="0" applyFont="1" applyFill="1" applyAlignment="1" applyProtection="1">
      <alignment vertical="top"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49" fontId="4" fillId="2" borderId="28" xfId="0" applyNumberFormat="1" applyFont="1" applyFill="1" applyBorder="1" applyAlignment="1" applyProtection="1">
      <alignment horizontal="center" vertical="center" wrapText="1"/>
      <protection locked="0"/>
    </xf>
    <xf numFmtId="49" fontId="2" fillId="2" borderId="12" xfId="0" applyNumberFormat="1" applyFont="1" applyFill="1" applyBorder="1" applyAlignment="1" applyProtection="1">
      <alignment horizontal="center" vertical="center" wrapText="1"/>
      <protection locked="0"/>
    </xf>
    <xf numFmtId="0" fontId="3" fillId="0" borderId="0" xfId="0" applyFont="1" applyAlignment="1" applyProtection="1">
      <alignment vertical="center" wrapText="1"/>
      <protection locked="0"/>
    </xf>
    <xf numFmtId="49" fontId="2" fillId="0" borderId="18" xfId="0" applyNumberFormat="1" applyFont="1" applyBorder="1" applyAlignment="1" applyProtection="1">
      <alignment horizontal="center" vertical="center" wrapText="1"/>
      <protection locked="0"/>
    </xf>
    <xf numFmtId="0" fontId="3" fillId="2" borderId="8" xfId="0" applyNumberFormat="1" applyFont="1" applyFill="1" applyBorder="1" applyAlignment="1" applyProtection="1">
      <alignment horizontal="left" vertical="center" wrapText="1"/>
      <protection locked="0"/>
    </xf>
    <xf numFmtId="49" fontId="2" fillId="0" borderId="20" xfId="0" applyNumberFormat="1" applyFont="1" applyBorder="1" applyAlignment="1" applyProtection="1">
      <alignment vertical="center" wrapText="1"/>
      <protection locked="0"/>
    </xf>
    <xf numFmtId="49" fontId="2" fillId="0" borderId="6" xfId="0" applyNumberFormat="1" applyFont="1" applyBorder="1" applyAlignment="1" applyProtection="1">
      <alignment horizontal="center" vertical="center" wrapText="1"/>
      <protection locked="0"/>
    </xf>
    <xf numFmtId="49" fontId="2" fillId="0" borderId="19" xfId="0" applyNumberFormat="1" applyFont="1" applyBorder="1" applyAlignment="1" applyProtection="1">
      <alignment vertical="center" wrapText="1"/>
      <protection locked="0"/>
    </xf>
    <xf numFmtId="49" fontId="2" fillId="0" borderId="17" xfId="0" applyNumberFormat="1" applyFont="1" applyBorder="1" applyAlignment="1" applyProtection="1">
      <alignment horizontal="center" vertical="center" wrapText="1"/>
      <protection locked="0"/>
    </xf>
    <xf numFmtId="49" fontId="2" fillId="0" borderId="18" xfId="0" applyNumberFormat="1" applyFont="1" applyBorder="1" applyAlignment="1" applyProtection="1">
      <alignment horizontal="right" vertical="center" wrapText="1"/>
      <protection locked="0"/>
    </xf>
    <xf numFmtId="49" fontId="2" fillId="0" borderId="36" xfId="0" applyNumberFormat="1" applyFont="1" applyBorder="1" applyAlignment="1" applyProtection="1">
      <alignment horizontal="center" vertical="center" wrapText="1"/>
      <protection locked="0"/>
    </xf>
    <xf numFmtId="0" fontId="3" fillId="2" borderId="14" xfId="0" applyNumberFormat="1" applyFont="1" applyFill="1" applyBorder="1" applyAlignment="1" applyProtection="1">
      <alignment horizontal="left" vertical="center" wrapText="1"/>
      <protection locked="0"/>
    </xf>
    <xf numFmtId="49" fontId="2" fillId="0" borderId="37" xfId="0" applyNumberFormat="1" applyFont="1" applyBorder="1" applyAlignment="1" applyProtection="1">
      <alignment vertical="center" wrapText="1"/>
      <protection locked="0"/>
    </xf>
    <xf numFmtId="49" fontId="2" fillId="2" borderId="32" xfId="0" applyNumberFormat="1" applyFont="1" applyFill="1" applyBorder="1" applyAlignment="1" applyProtection="1">
      <alignment horizontal="center" vertical="center" wrapText="1"/>
      <protection locked="0"/>
    </xf>
    <xf numFmtId="0" fontId="2" fillId="0" borderId="33" xfId="0" applyFont="1" applyFill="1" applyBorder="1" applyAlignment="1" applyProtection="1">
      <alignment vertical="center" wrapText="1"/>
      <protection locked="0"/>
    </xf>
    <xf numFmtId="0" fontId="2" fillId="0" borderId="7" xfId="0" applyFont="1" applyFill="1" applyBorder="1" applyAlignment="1" applyProtection="1">
      <alignment vertical="center" wrapText="1"/>
      <protection locked="0"/>
    </xf>
    <xf numFmtId="0" fontId="2" fillId="0" borderId="7" xfId="0" applyFont="1" applyFill="1" applyBorder="1" applyAlignment="1" applyProtection="1">
      <alignment horizontal="left" vertical="center" wrapText="1"/>
      <protection locked="0"/>
    </xf>
    <xf numFmtId="0" fontId="11" fillId="2" borderId="14" xfId="0" applyNumberFormat="1" applyFont="1" applyFill="1" applyBorder="1" applyAlignment="1" applyProtection="1">
      <alignment horizontal="left" vertical="top" wrapText="1"/>
      <protection locked="0"/>
    </xf>
    <xf numFmtId="0" fontId="2" fillId="0" borderId="31" xfId="0" applyFont="1" applyFill="1" applyBorder="1" applyAlignment="1" applyProtection="1">
      <alignment horizontal="left" vertical="center" wrapText="1"/>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49" fontId="2" fillId="2" borderId="28" xfId="0" applyNumberFormat="1" applyFont="1" applyFill="1" applyBorder="1" applyAlignment="1" applyProtection="1">
      <alignment horizontal="center" vertical="center" wrapText="1"/>
      <protection locked="0"/>
    </xf>
    <xf numFmtId="0" fontId="2" fillId="0" borderId="7" xfId="0" applyFont="1" applyFill="1" applyBorder="1" applyAlignment="1" applyProtection="1">
      <alignment horizontal="center" vertical="center" wrapText="1"/>
      <protection locked="0"/>
    </xf>
    <xf numFmtId="0" fontId="2" fillId="0" borderId="31" xfId="0" applyFont="1" applyFill="1" applyBorder="1" applyAlignment="1" applyProtection="1">
      <alignment vertical="center" wrapText="1"/>
      <protection locked="0"/>
    </xf>
    <xf numFmtId="49" fontId="5" fillId="6" borderId="0" xfId="1" applyNumberFormat="1" applyFont="1" applyFill="1" applyBorder="1" applyAlignment="1" applyProtection="1">
      <alignment horizontal="left" vertical="center" wrapText="1"/>
      <protection locked="0"/>
    </xf>
    <xf numFmtId="0" fontId="2" fillId="6" borderId="0" xfId="0" applyFont="1" applyFill="1" applyAlignment="1" applyProtection="1">
      <alignment vertical="top"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0" fontId="7" fillId="0" borderId="0" xfId="0" applyNumberFormat="1" applyFont="1" applyBorder="1" applyAlignment="1" applyProtection="1">
      <alignment horizontal="lef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0" fontId="7" fillId="0" borderId="0" xfId="5" applyFont="1" applyAlignment="1" applyProtection="1">
      <alignment vertical="top"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vertical="top" wrapText="1"/>
      <protection locked="0"/>
    </xf>
    <xf numFmtId="0" fontId="7" fillId="0" borderId="0" xfId="0" applyFont="1" applyAlignment="1" applyProtection="1">
      <alignment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right"/>
      <protection locked="0"/>
    </xf>
    <xf numFmtId="0" fontId="12" fillId="0" borderId="13"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0" fontId="2" fillId="0" borderId="0" xfId="0" applyFont="1" applyBorder="1" applyAlignment="1" applyProtection="1">
      <alignment horizontal="justify" vertical="center" wrapText="1"/>
    </xf>
    <xf numFmtId="0" fontId="2" fillId="0" borderId="8" xfId="0" applyFont="1" applyBorder="1" applyAlignment="1" applyProtection="1">
      <alignment horizontal="justify" vertical="center" wrapText="1"/>
    </xf>
    <xf numFmtId="0" fontId="13" fillId="0" borderId="8" xfId="0" applyFont="1" applyBorder="1" applyAlignment="1" applyProtection="1">
      <alignment horizontal="justify" vertical="center" wrapText="1"/>
    </xf>
    <xf numFmtId="0" fontId="2" fillId="0" borderId="8" xfId="0" applyFont="1" applyBorder="1" applyAlignment="1" applyProtection="1">
      <alignment vertical="center" wrapText="1"/>
    </xf>
    <xf numFmtId="0" fontId="16" fillId="6" borderId="3" xfId="0" applyFont="1" applyFill="1" applyBorder="1" applyAlignment="1" applyProtection="1">
      <alignment vertical="center" wrapText="1"/>
    </xf>
    <xf numFmtId="0" fontId="13" fillId="0" borderId="8" xfId="0" applyFont="1" applyBorder="1" applyAlignment="1" applyProtection="1">
      <alignment vertical="center" wrapText="1"/>
    </xf>
    <xf numFmtId="0" fontId="4" fillId="6" borderId="8" xfId="0" applyFont="1" applyFill="1" applyBorder="1" applyAlignment="1" applyProtection="1">
      <alignment horizontal="left" vertical="center" wrapText="1"/>
    </xf>
    <xf numFmtId="0" fontId="2" fillId="6" borderId="8" xfId="0" applyFont="1" applyFill="1" applyBorder="1" applyAlignment="1" applyProtection="1">
      <alignment horizontal="left" vertical="center" wrapText="1"/>
    </xf>
    <xf numFmtId="0" fontId="2" fillId="6" borderId="4" xfId="0" applyFont="1" applyFill="1" applyBorder="1" applyAlignment="1" applyProtection="1">
      <alignment vertical="center" wrapText="1"/>
    </xf>
    <xf numFmtId="0" fontId="13" fillId="6" borderId="8" xfId="6" applyFont="1" applyFill="1" applyBorder="1" applyAlignment="1" applyProtection="1">
      <alignment horizontal="left" vertical="center" wrapText="1"/>
    </xf>
    <xf numFmtId="0" fontId="2" fillId="6" borderId="2" xfId="0" applyFont="1" applyFill="1" applyBorder="1" applyAlignment="1" applyProtection="1">
      <alignment vertical="center" wrapText="1"/>
    </xf>
    <xf numFmtId="49" fontId="2" fillId="0" borderId="18" xfId="0" applyNumberFormat="1" applyFont="1" applyBorder="1" applyAlignment="1" applyProtection="1">
      <alignment horizontal="center" vertical="center" wrapText="1"/>
    </xf>
    <xf numFmtId="0" fontId="4" fillId="0" borderId="41" xfId="0" applyFont="1" applyBorder="1" applyAlignment="1" applyProtection="1">
      <alignment vertical="center" wrapText="1"/>
    </xf>
    <xf numFmtId="49" fontId="2" fillId="6" borderId="38" xfId="0" applyNumberFormat="1" applyFont="1" applyFill="1" applyBorder="1" applyAlignment="1" applyProtection="1">
      <alignment horizontal="center" vertical="center" wrapText="1"/>
    </xf>
    <xf numFmtId="0" fontId="4" fillId="6" borderId="42" xfId="0" applyFont="1" applyFill="1" applyBorder="1" applyAlignment="1" applyProtection="1">
      <alignment vertical="center" wrapText="1"/>
    </xf>
    <xf numFmtId="49" fontId="2" fillId="6" borderId="39" xfId="0" applyNumberFormat="1" applyFont="1" applyFill="1" applyBorder="1" applyAlignment="1" applyProtection="1">
      <alignment horizontal="right" vertical="center" wrapText="1"/>
    </xf>
    <xf numFmtId="0" fontId="4" fillId="6" borderId="43" xfId="0" applyFont="1" applyFill="1" applyBorder="1" applyAlignment="1" applyProtection="1">
      <alignment vertical="center" wrapText="1"/>
    </xf>
    <xf numFmtId="49" fontId="2" fillId="6" borderId="40" xfId="0" applyNumberFormat="1" applyFont="1" applyFill="1" applyBorder="1" applyAlignment="1" applyProtection="1">
      <alignment horizontal="right" vertical="center" wrapText="1"/>
    </xf>
    <xf numFmtId="0" fontId="4" fillId="6" borderId="44" xfId="0" applyFont="1" applyFill="1" applyBorder="1" applyAlignment="1" applyProtection="1">
      <alignment vertical="center" wrapText="1"/>
    </xf>
    <xf numFmtId="49" fontId="2" fillId="0" borderId="18"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49" fontId="2" fillId="0" borderId="6" xfId="0" applyNumberFormat="1" applyFont="1" applyFill="1" applyBorder="1" applyAlignment="1" applyProtection="1">
      <alignment horizontal="center" vertical="center" wrapText="1"/>
    </xf>
    <xf numFmtId="0" fontId="4" fillId="6" borderId="3" xfId="0" applyFont="1" applyFill="1" applyBorder="1" applyAlignment="1" applyProtection="1">
      <alignment vertical="center" wrapText="1"/>
    </xf>
    <xf numFmtId="49" fontId="2" fillId="0" borderId="38" xfId="0" applyNumberFormat="1" applyFont="1" applyFill="1" applyBorder="1" applyAlignment="1" applyProtection="1">
      <alignment horizontal="center" vertical="center" wrapText="1"/>
    </xf>
    <xf numFmtId="0" fontId="4" fillId="6" borderId="45" xfId="0" applyFont="1" applyFill="1" applyBorder="1" applyAlignment="1" applyProtection="1">
      <alignment vertical="center" wrapText="1"/>
    </xf>
    <xf numFmtId="49" fontId="2" fillId="0" borderId="39" xfId="0" applyNumberFormat="1" applyFont="1" applyFill="1" applyBorder="1" applyAlignment="1" applyProtection="1">
      <alignment horizontal="right" vertical="center" wrapText="1"/>
    </xf>
    <xf numFmtId="0" fontId="4" fillId="6" borderId="46" xfId="0" applyFont="1" applyFill="1" applyBorder="1" applyAlignment="1" applyProtection="1">
      <alignment vertical="center" wrapText="1"/>
    </xf>
    <xf numFmtId="49" fontId="2" fillId="0" borderId="40" xfId="0" applyNumberFormat="1" applyFont="1" applyFill="1" applyBorder="1" applyAlignment="1" applyProtection="1">
      <alignment horizontal="right" vertical="center" wrapText="1"/>
    </xf>
    <xf numFmtId="0" fontId="4" fillId="6" borderId="47" xfId="0" applyFont="1" applyFill="1" applyBorder="1" applyAlignment="1" applyProtection="1">
      <alignment vertical="center" wrapText="1"/>
    </xf>
    <xf numFmtId="49" fontId="2" fillId="6" borderId="6" xfId="0" applyNumberFormat="1" applyFont="1" applyFill="1" applyBorder="1" applyAlignment="1" applyProtection="1">
      <alignment horizontal="center" vertical="center" wrapText="1"/>
    </xf>
    <xf numFmtId="0" fontId="2" fillId="0" borderId="0" xfId="0" applyFont="1" applyBorder="1" applyAlignment="1" applyProtection="1">
      <alignment vertical="center" wrapText="1"/>
    </xf>
    <xf numFmtId="49" fontId="2" fillId="0" borderId="9" xfId="0" applyNumberFormat="1" applyFont="1" applyFill="1" applyBorder="1" applyAlignment="1" applyProtection="1">
      <alignment horizontal="center" vertical="center" wrapText="1"/>
    </xf>
    <xf numFmtId="0" fontId="4" fillId="6" borderId="14" xfId="0" applyFont="1" applyFill="1" applyBorder="1" applyAlignment="1" applyProtection="1">
      <alignment vertical="center" wrapText="1"/>
    </xf>
    <xf numFmtId="0" fontId="3" fillId="6" borderId="16" xfId="0" applyFont="1" applyFill="1" applyBorder="1" applyAlignment="1" applyProtection="1">
      <alignment horizontal="left" vertical="center" wrapText="1"/>
    </xf>
    <xf numFmtId="0" fontId="3" fillId="6" borderId="8" xfId="0" applyFont="1" applyFill="1" applyBorder="1" applyAlignment="1" applyProtection="1">
      <alignment horizontal="left" vertical="center" wrapText="1"/>
    </xf>
    <xf numFmtId="0" fontId="2" fillId="6" borderId="21" xfId="0" applyFont="1" applyFill="1" applyBorder="1" applyAlignment="1" applyProtection="1">
      <alignment horizontal="left" vertical="center" wrapText="1"/>
    </xf>
    <xf numFmtId="0" fontId="3" fillId="6" borderId="21" xfId="0" applyFont="1" applyFill="1" applyBorder="1" applyAlignment="1" applyProtection="1">
      <alignment horizontal="left" vertical="center" wrapText="1"/>
    </xf>
    <xf numFmtId="49" fontId="2" fillId="0" borderId="36" xfId="0" applyNumberFormat="1" applyFont="1" applyFill="1" applyBorder="1" applyAlignment="1" applyProtection="1">
      <alignment horizontal="center" vertical="center" wrapText="1"/>
    </xf>
    <xf numFmtId="0" fontId="3" fillId="6" borderId="14" xfId="0" applyFont="1" applyFill="1" applyBorder="1" applyAlignment="1" applyProtection="1">
      <alignment horizontal="left" vertical="center" wrapText="1"/>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0" borderId="0" xfId="0" applyFont="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5" fillId="0" borderId="0" xfId="0" applyNumberFormat="1" applyFont="1" applyFill="1" applyAlignment="1" applyProtection="1">
      <alignment horizontal="left" vertical="top" wrapText="1"/>
      <protection locked="0"/>
    </xf>
    <xf numFmtId="0" fontId="4" fillId="0" borderId="0" xfId="0" applyFont="1" applyFill="1" applyAlignment="1" applyProtection="1">
      <alignment horizontal="left" vertical="top" wrapText="1"/>
      <protection locked="0"/>
    </xf>
    <xf numFmtId="0" fontId="4" fillId="0" borderId="0" xfId="0" applyFont="1" applyFill="1" applyAlignment="1" applyProtection="1">
      <alignment horizontal="left" vertical="top"/>
      <protection locked="0"/>
    </xf>
    <xf numFmtId="49" fontId="4" fillId="0" borderId="0" xfId="0" applyNumberFormat="1" applyFont="1" applyFill="1" applyAlignment="1" applyProtection="1">
      <alignment horizontal="left" vertical="center" wrapText="1"/>
      <protection locked="0"/>
    </xf>
    <xf numFmtId="0" fontId="2" fillId="0" borderId="0" xfId="0" applyFont="1" applyAlignment="1" applyProtection="1">
      <alignment horizontal="left" wrapText="1"/>
      <protection locked="0"/>
    </xf>
    <xf numFmtId="0" fontId="3" fillId="4" borderId="0" xfId="0" applyFont="1" applyFill="1" applyAlignment="1" applyProtection="1">
      <alignment horizontal="center" vertical="center" wrapText="1"/>
      <protection locked="0"/>
    </xf>
    <xf numFmtId="0" fontId="4" fillId="0" borderId="0" xfId="0" applyFont="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2" fillId="0" borderId="0" xfId="0" applyFont="1" applyFill="1" applyAlignment="1" applyProtection="1">
      <alignment horizontal="center" vertical="top" wrapText="1"/>
      <protection locked="0"/>
    </xf>
    <xf numFmtId="16" fontId="3"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5" fillId="3" borderId="22" xfId="0" applyFont="1" applyFill="1" applyBorder="1" applyAlignment="1" applyProtection="1">
      <alignment horizontal="left" vertical="center" wrapText="1"/>
      <protection locked="0"/>
    </xf>
    <xf numFmtId="0" fontId="5" fillId="3" borderId="23" xfId="0" applyFont="1" applyFill="1" applyBorder="1" applyAlignment="1" applyProtection="1">
      <alignment horizontal="left" vertical="center" wrapText="1"/>
      <protection locked="0"/>
    </xf>
    <xf numFmtId="0" fontId="5" fillId="3" borderId="19" xfId="0" applyFont="1" applyFill="1" applyBorder="1" applyAlignment="1" applyProtection="1">
      <alignment horizontal="left" vertical="center" wrapText="1"/>
      <protection locked="0"/>
    </xf>
    <xf numFmtId="0" fontId="12" fillId="6" borderId="0" xfId="0" applyFont="1" applyFill="1" applyBorder="1" applyAlignment="1" applyProtection="1">
      <alignment horizontal="center" wrapText="1"/>
      <protection locked="0"/>
    </xf>
    <xf numFmtId="0" fontId="17"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2" xfId="0" applyNumberFormat="1" applyFont="1" applyFill="1" applyBorder="1" applyAlignment="1" applyProtection="1">
      <alignment horizontal="left" vertical="top" wrapText="1"/>
      <protection locked="0"/>
    </xf>
    <xf numFmtId="0" fontId="3" fillId="2" borderId="29" xfId="0" applyFont="1" applyFill="1" applyBorder="1" applyAlignment="1" applyProtection="1">
      <alignment horizontal="center" vertical="top" wrapText="1"/>
      <protection locked="0"/>
    </xf>
    <xf numFmtId="0" fontId="3" fillId="2" borderId="24" xfId="0" applyFont="1" applyFill="1" applyBorder="1" applyAlignment="1" applyProtection="1">
      <alignment horizontal="center" vertical="top" wrapText="1"/>
      <protection locked="0"/>
    </xf>
    <xf numFmtId="49" fontId="3" fillId="2" borderId="15" xfId="0" applyNumberFormat="1" applyFont="1" applyFill="1" applyBorder="1" applyAlignment="1" applyProtection="1">
      <alignment horizontal="left" vertical="top" wrapText="1"/>
      <protection locked="0"/>
    </xf>
    <xf numFmtId="49" fontId="3" fillId="2" borderId="16" xfId="0" applyNumberFormat="1" applyFont="1" applyFill="1" applyBorder="1" applyAlignment="1" applyProtection="1">
      <alignment horizontal="left" vertical="top" wrapText="1"/>
      <protection locked="0"/>
    </xf>
    <xf numFmtId="49" fontId="3" fillId="2" borderId="9" xfId="0" applyNumberFormat="1" applyFont="1" applyFill="1" applyBorder="1" applyAlignment="1" applyProtection="1">
      <alignment horizontal="left" vertical="top" wrapText="1"/>
      <protection locked="0"/>
    </xf>
    <xf numFmtId="49" fontId="3" fillId="2" borderId="14" xfId="0" applyNumberFormat="1" applyFont="1" applyFill="1" applyBorder="1" applyAlignment="1" applyProtection="1">
      <alignment horizontal="left" vertical="top" wrapText="1"/>
      <protection locked="0"/>
    </xf>
    <xf numFmtId="0" fontId="3" fillId="2" borderId="34" xfId="0" applyFont="1" applyFill="1" applyBorder="1" applyAlignment="1" applyProtection="1">
      <alignment horizontal="center" vertical="top" wrapText="1"/>
      <protection locked="0"/>
    </xf>
    <xf numFmtId="0" fontId="3" fillId="2" borderId="35" xfId="0" applyFont="1" applyFill="1" applyBorder="1" applyAlignment="1" applyProtection="1">
      <alignment horizontal="center" vertical="top" wrapText="1"/>
      <protection locked="0"/>
    </xf>
    <xf numFmtId="49" fontId="5" fillId="3" borderId="15" xfId="0" applyNumberFormat="1" applyFont="1" applyFill="1" applyBorder="1" applyAlignment="1" applyProtection="1">
      <alignment horizontal="left" vertical="center" wrapText="1"/>
      <protection locked="0"/>
    </xf>
    <xf numFmtId="49" fontId="5" fillId="3" borderId="16" xfId="0" applyNumberFormat="1" applyFont="1" applyFill="1" applyBorder="1" applyAlignment="1" applyProtection="1">
      <alignment horizontal="left" vertical="center" wrapText="1"/>
      <protection locked="0"/>
    </xf>
    <xf numFmtId="49" fontId="5" fillId="3" borderId="30" xfId="0" applyNumberFormat="1" applyFont="1" applyFill="1" applyBorder="1" applyAlignment="1" applyProtection="1">
      <alignment horizontal="left" vertical="center" wrapText="1"/>
      <protection locked="0"/>
    </xf>
    <xf numFmtId="0" fontId="12" fillId="6" borderId="0" xfId="0" applyFont="1" applyFill="1" applyBorder="1" applyAlignment="1" applyProtection="1">
      <alignment horizontal="center"/>
      <protection locked="0"/>
    </xf>
    <xf numFmtId="0" fontId="7" fillId="0" borderId="0" xfId="5" applyFont="1" applyAlignment="1" applyProtection="1">
      <alignment horizontal="center" vertical="top" wrapText="1"/>
      <protection locked="0"/>
    </xf>
    <xf numFmtId="49" fontId="4" fillId="6" borderId="0" xfId="1" applyNumberFormat="1" applyFont="1" applyFill="1" applyBorder="1" applyAlignment="1" applyProtection="1">
      <alignment horizontal="left" vertical="center" wrapText="1"/>
      <protection locked="0"/>
    </xf>
    <xf numFmtId="49" fontId="3" fillId="3" borderId="6" xfId="0" applyNumberFormat="1" applyFont="1" applyFill="1" applyBorder="1" applyAlignment="1" applyProtection="1">
      <alignment horizontal="left" vertical="center" wrapText="1"/>
      <protection locked="0"/>
    </xf>
    <xf numFmtId="49" fontId="3" fillId="3" borderId="8" xfId="0" applyNumberFormat="1" applyFont="1" applyFill="1" applyBorder="1" applyAlignment="1" applyProtection="1">
      <alignment horizontal="left" vertical="center" wrapText="1"/>
      <protection locked="0"/>
    </xf>
    <xf numFmtId="49" fontId="3" fillId="3" borderId="7" xfId="0" applyNumberFormat="1" applyFont="1" applyFill="1" applyBorder="1" applyAlignment="1" applyProtection="1">
      <alignment horizontal="left" vertical="center" wrapText="1"/>
      <protection locked="0"/>
    </xf>
    <xf numFmtId="49" fontId="3" fillId="3" borderId="22" xfId="0" applyNumberFormat="1" applyFont="1" applyFill="1" applyBorder="1" applyAlignment="1" applyProtection="1">
      <alignment horizontal="left" vertical="center" wrapText="1"/>
      <protection locked="0"/>
    </xf>
    <xf numFmtId="49" fontId="3" fillId="3" borderId="23" xfId="0" applyNumberFormat="1" applyFont="1" applyFill="1" applyBorder="1" applyAlignment="1" applyProtection="1">
      <alignment horizontal="left" vertical="center" wrapText="1"/>
      <protection locked="0"/>
    </xf>
    <xf numFmtId="49" fontId="3" fillId="3" borderId="19" xfId="0" applyNumberFormat="1" applyFont="1" applyFill="1" applyBorder="1" applyAlignment="1" applyProtection="1">
      <alignment horizontal="left"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5" fillId="5" borderId="22" xfId="0" applyFont="1" applyFill="1" applyBorder="1" applyAlignment="1" applyProtection="1">
      <alignment horizontal="left" vertical="center" wrapText="1"/>
      <protection locked="0"/>
    </xf>
    <xf numFmtId="0" fontId="5" fillId="5" borderId="23" xfId="0" applyFont="1" applyFill="1" applyBorder="1" applyAlignment="1" applyProtection="1">
      <alignment horizontal="left" vertical="center" wrapText="1"/>
      <protection locked="0"/>
    </xf>
    <xf numFmtId="0" fontId="5" fillId="5" borderId="19" xfId="0" applyFont="1" applyFill="1" applyBorder="1" applyAlignment="1" applyProtection="1">
      <alignment horizontal="left" vertical="center" wrapText="1"/>
      <protection locked="0"/>
    </xf>
    <xf numFmtId="0" fontId="3" fillId="3" borderId="22" xfId="0" applyFont="1" applyFill="1" applyBorder="1" applyAlignment="1" applyProtection="1">
      <alignment horizontal="left" vertical="center" wrapText="1"/>
      <protection locked="0"/>
    </xf>
    <xf numFmtId="0" fontId="3" fillId="3" borderId="23" xfId="0" applyFont="1" applyFill="1" applyBorder="1" applyAlignment="1" applyProtection="1">
      <alignment horizontal="left" vertical="center" wrapText="1"/>
      <protection locked="0"/>
    </xf>
    <xf numFmtId="0" fontId="3" fillId="3" borderId="19" xfId="0" applyFont="1" applyFill="1" applyBorder="1" applyAlignment="1" applyProtection="1">
      <alignment horizontal="left" vertical="center"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3" fillId="2" borderId="26" xfId="0" applyFont="1" applyFill="1" applyBorder="1" applyAlignment="1" applyProtection="1">
      <alignment horizontal="center" vertical="top" wrapText="1"/>
      <protection locked="0"/>
    </xf>
    <xf numFmtId="0" fontId="3" fillId="2" borderId="27" xfId="0" applyFont="1" applyFill="1" applyBorder="1" applyAlignment="1" applyProtection="1">
      <alignment horizontal="center" vertical="top" wrapText="1"/>
      <protection locked="0"/>
    </xf>
    <xf numFmtId="49" fontId="4" fillId="0" borderId="0" xfId="1" applyNumberFormat="1" applyFont="1" applyBorder="1" applyAlignment="1" applyProtection="1">
      <alignment horizontal="left" vertical="center" wrapText="1"/>
      <protection locked="0"/>
    </xf>
  </cellXfs>
  <cellStyles count="8">
    <cellStyle name="Normálna" xfId="0" builtinId="0"/>
    <cellStyle name="Normálna 2" xfId="2"/>
    <cellStyle name="Normálna 2 2" xfId="7"/>
    <cellStyle name="Normálne 2" xfId="3"/>
    <cellStyle name="normálne 2 2" xfId="1"/>
    <cellStyle name="normálne 2 2 2" xfId="4"/>
    <cellStyle name="Normálne 4" xfId="5"/>
    <cellStyle name="Normální 3" xfId="6"/>
  </cellStyles>
  <dxfs count="2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FFCCFF"/>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5</xdr:row>
          <xdr:rowOff>0</xdr:rowOff>
        </xdr:from>
        <xdr:to>
          <xdr:col>0</xdr:col>
          <xdr:colOff>885825</xdr:colOff>
          <xdr:row>25</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6</xdr:row>
          <xdr:rowOff>9525</xdr:rowOff>
        </xdr:from>
        <xdr:to>
          <xdr:col>0</xdr:col>
          <xdr:colOff>885825</xdr:colOff>
          <xdr:row>26</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5</xdr:row>
          <xdr:rowOff>9525</xdr:rowOff>
        </xdr:from>
        <xdr:to>
          <xdr:col>0</xdr:col>
          <xdr:colOff>885825</xdr:colOff>
          <xdr:row>35</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6</xdr:row>
          <xdr:rowOff>0</xdr:rowOff>
        </xdr:from>
        <xdr:to>
          <xdr:col>0</xdr:col>
          <xdr:colOff>885825</xdr:colOff>
          <xdr:row>36</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234"/>
  <sheetViews>
    <sheetView showGridLines="0" tabSelected="1" zoomScale="90" zoomScaleNormal="90" workbookViewId="0">
      <selection sqref="A1:D1"/>
    </sheetView>
  </sheetViews>
  <sheetFormatPr defaultRowHeight="12.75" x14ac:dyDescent="0.2"/>
  <cols>
    <col min="1" max="1" width="14" style="12" customWidth="1"/>
    <col min="2" max="2" width="72" style="23" customWidth="1"/>
    <col min="3" max="3" width="19.42578125" style="27" customWidth="1"/>
    <col min="4" max="4" width="27.42578125" style="18" customWidth="1"/>
    <col min="5" max="5" width="17.140625" style="12" customWidth="1"/>
    <col min="6" max="6" width="9.140625" style="12"/>
    <col min="7" max="7" width="9.140625" style="12" customWidth="1"/>
    <col min="8" max="16384" width="9.140625" style="12"/>
  </cols>
  <sheetData>
    <row r="1" spans="1:4" ht="24" customHeight="1" x14ac:dyDescent="0.2">
      <c r="A1" s="130" t="s">
        <v>37</v>
      </c>
      <c r="B1" s="130"/>
      <c r="C1" s="130"/>
      <c r="D1" s="130"/>
    </row>
    <row r="2" spans="1:4" ht="27.75" customHeight="1" x14ac:dyDescent="0.2">
      <c r="A2" s="129" t="s">
        <v>35</v>
      </c>
      <c r="B2" s="129"/>
      <c r="C2" s="129"/>
      <c r="D2" s="129"/>
    </row>
    <row r="3" spans="1:4" ht="59.25" customHeight="1" x14ac:dyDescent="0.2">
      <c r="A3" s="139" t="s">
        <v>40</v>
      </c>
      <c r="B3" s="139"/>
      <c r="C3" s="139"/>
      <c r="D3" s="139"/>
    </row>
    <row r="4" spans="1:4" ht="24.95" customHeight="1" x14ac:dyDescent="0.2">
      <c r="A4" s="13" t="s">
        <v>39</v>
      </c>
      <c r="B4" s="14"/>
      <c r="C4" s="15"/>
      <c r="D4" s="15"/>
    </row>
    <row r="5" spans="1:4" ht="24.95" customHeight="1" x14ac:dyDescent="0.2">
      <c r="A5" s="13" t="s">
        <v>38</v>
      </c>
      <c r="B5" s="16"/>
      <c r="C5" s="15"/>
      <c r="D5" s="15"/>
    </row>
    <row r="6" spans="1:4" ht="5.0999999999999996" customHeight="1" x14ac:dyDescent="0.2">
      <c r="A6" s="15"/>
      <c r="B6" s="17"/>
      <c r="C6" s="15"/>
      <c r="D6" s="15"/>
    </row>
    <row r="7" spans="1:4" s="18" customFormat="1" ht="20.100000000000001" customHeight="1" x14ac:dyDescent="0.25">
      <c r="A7" s="136" t="s">
        <v>4</v>
      </c>
      <c r="B7" s="136"/>
      <c r="C7" s="136"/>
      <c r="D7" s="136"/>
    </row>
    <row r="8" spans="1:4" s="18" customFormat="1" ht="20.100000000000001" customHeight="1" x14ac:dyDescent="0.25">
      <c r="A8" s="140" t="s">
        <v>7</v>
      </c>
      <c r="B8" s="140"/>
      <c r="C8" s="140"/>
      <c r="D8" s="140"/>
    </row>
    <row r="9" spans="1:4" ht="29.25" customHeight="1" x14ac:dyDescent="0.2">
      <c r="A9" s="131" t="s">
        <v>317</v>
      </c>
      <c r="B9" s="131"/>
      <c r="C9" s="131"/>
      <c r="D9" s="131"/>
    </row>
    <row r="10" spans="1:4" ht="4.5" customHeight="1" x14ac:dyDescent="0.2">
      <c r="A10" s="19"/>
      <c r="B10" s="19"/>
      <c r="C10" s="19"/>
      <c r="D10" s="19"/>
    </row>
    <row r="11" spans="1:4" s="18" customFormat="1" ht="20.100000000000001" customHeight="1" x14ac:dyDescent="0.25">
      <c r="A11" s="141" t="s">
        <v>8</v>
      </c>
      <c r="B11" s="141"/>
      <c r="C11" s="141"/>
      <c r="D11" s="141"/>
    </row>
    <row r="12" spans="1:4" s="18" customFormat="1" ht="20.100000000000001" customHeight="1" x14ac:dyDescent="0.25">
      <c r="A12" s="132" t="s">
        <v>336</v>
      </c>
      <c r="B12" s="132"/>
      <c r="C12" s="20"/>
      <c r="D12" s="20"/>
    </row>
    <row r="13" spans="1:4" s="18" customFormat="1" ht="20.100000000000001" customHeight="1" x14ac:dyDescent="0.25">
      <c r="A13" s="132" t="s">
        <v>337</v>
      </c>
      <c r="B13" s="133"/>
      <c r="C13" s="20"/>
      <c r="D13" s="20"/>
    </row>
    <row r="14" spans="1:4" s="18" customFormat="1" ht="20.100000000000001" customHeight="1" x14ac:dyDescent="0.25">
      <c r="A14" s="132" t="s">
        <v>54</v>
      </c>
      <c r="B14" s="132"/>
      <c r="C14" s="20"/>
      <c r="D14" s="20"/>
    </row>
    <row r="15" spans="1:4" s="23" customFormat="1" ht="20.100000000000001" customHeight="1" x14ac:dyDescent="0.25">
      <c r="A15" s="132" t="s">
        <v>55</v>
      </c>
      <c r="B15" s="132"/>
      <c r="C15" s="21"/>
      <c r="D15" s="22"/>
    </row>
    <row r="16" spans="1:4" ht="4.5" customHeight="1" x14ac:dyDescent="0.2">
      <c r="A16" s="24"/>
      <c r="B16" s="24"/>
      <c r="C16" s="19"/>
      <c r="D16" s="19"/>
    </row>
    <row r="17" spans="1:4" ht="20.100000000000001" customHeight="1" x14ac:dyDescent="0.2">
      <c r="A17" s="25" t="s">
        <v>9</v>
      </c>
      <c r="B17" s="25"/>
      <c r="C17" s="26"/>
      <c r="D17" s="26"/>
    </row>
    <row r="18" spans="1:4" s="23" customFormat="1" ht="22.5" customHeight="1" x14ac:dyDescent="0.25">
      <c r="A18" s="137" t="s">
        <v>51</v>
      </c>
      <c r="B18" s="137"/>
      <c r="C18" s="21"/>
      <c r="D18" s="22"/>
    </row>
    <row r="19" spans="1:4" ht="5.0999999999999996" customHeight="1" x14ac:dyDescent="0.2">
      <c r="A19" s="135"/>
      <c r="B19" s="135"/>
      <c r="D19" s="28"/>
    </row>
    <row r="20" spans="1:4" s="18" customFormat="1" ht="25.5" customHeight="1" x14ac:dyDescent="0.25">
      <c r="A20" s="136" t="s">
        <v>21</v>
      </c>
      <c r="B20" s="136"/>
      <c r="C20" s="136"/>
      <c r="D20" s="136"/>
    </row>
    <row r="21" spans="1:4" ht="35.25" customHeight="1" x14ac:dyDescent="0.2">
      <c r="A21" s="134" t="s">
        <v>318</v>
      </c>
      <c r="B21" s="134"/>
      <c r="C21" s="134"/>
      <c r="D21" s="134"/>
    </row>
    <row r="22" spans="1:4" ht="5.0999999999999996" customHeight="1" x14ac:dyDescent="0.2">
      <c r="A22" s="135"/>
      <c r="B22" s="135"/>
      <c r="D22" s="28"/>
    </row>
    <row r="23" spans="1:4" s="18" customFormat="1" ht="20.100000000000001" customHeight="1" x14ac:dyDescent="0.25">
      <c r="A23" s="136" t="s">
        <v>22</v>
      </c>
      <c r="B23" s="136"/>
      <c r="C23" s="136"/>
      <c r="D23" s="136"/>
    </row>
    <row r="24" spans="1:4" s="29" customFormat="1" ht="20.100000000000001" customHeight="1" x14ac:dyDescent="0.25">
      <c r="A24" s="138" t="s">
        <v>5</v>
      </c>
      <c r="B24" s="138"/>
      <c r="C24" s="138"/>
      <c r="D24" s="138"/>
    </row>
    <row r="25" spans="1:4" s="29" customFormat="1" ht="20.100000000000001" customHeight="1" x14ac:dyDescent="0.25">
      <c r="A25" s="127" t="s">
        <v>15</v>
      </c>
      <c r="B25" s="128"/>
      <c r="C25" s="30"/>
      <c r="D25" s="30"/>
    </row>
    <row r="26" spans="1:4" s="29" customFormat="1" ht="20.100000000000001" customHeight="1" x14ac:dyDescent="0.25">
      <c r="A26" s="31"/>
      <c r="B26" s="32" t="s">
        <v>19</v>
      </c>
      <c r="C26" s="30"/>
      <c r="D26" s="30"/>
    </row>
    <row r="27" spans="1:4" s="29" customFormat="1" ht="20.100000000000001" customHeight="1" x14ac:dyDescent="0.25">
      <c r="A27" s="31"/>
      <c r="B27" s="32" t="s">
        <v>20</v>
      </c>
      <c r="C27" s="30"/>
      <c r="D27" s="30"/>
    </row>
    <row r="28" spans="1:4" s="29" customFormat="1" ht="20.100000000000001" customHeight="1" x14ac:dyDescent="0.25">
      <c r="A28" s="127" t="s">
        <v>16</v>
      </c>
      <c r="B28" s="128"/>
      <c r="C28" s="30"/>
      <c r="D28" s="30"/>
    </row>
    <row r="29" spans="1:4" s="29" customFormat="1" ht="39.75" customHeight="1" x14ac:dyDescent="0.25">
      <c r="A29" s="33" t="s">
        <v>17</v>
      </c>
      <c r="B29" s="34" t="s">
        <v>11</v>
      </c>
      <c r="C29" s="35" t="s">
        <v>10</v>
      </c>
      <c r="D29" s="35" t="s">
        <v>142</v>
      </c>
    </row>
    <row r="30" spans="1:4" s="40" customFormat="1" ht="39.75" customHeight="1" x14ac:dyDescent="0.25">
      <c r="A30" s="36" t="s">
        <v>1</v>
      </c>
      <c r="B30" s="37" t="s">
        <v>164</v>
      </c>
      <c r="C30" s="38" t="s">
        <v>53</v>
      </c>
      <c r="D30" s="39">
        <v>1</v>
      </c>
    </row>
    <row r="31" spans="1:4" s="40" customFormat="1" ht="39.75" customHeight="1" x14ac:dyDescent="0.25">
      <c r="A31" s="36" t="s">
        <v>319</v>
      </c>
      <c r="B31" s="37" t="s">
        <v>228</v>
      </c>
      <c r="C31" s="38" t="s">
        <v>53</v>
      </c>
      <c r="D31" s="39">
        <v>1</v>
      </c>
    </row>
    <row r="32" spans="1:4" s="40" customFormat="1" ht="39.75" customHeight="1" x14ac:dyDescent="0.25">
      <c r="A32" s="36" t="s">
        <v>320</v>
      </c>
      <c r="B32" s="37" t="s">
        <v>321</v>
      </c>
      <c r="C32" s="38" t="s">
        <v>322</v>
      </c>
      <c r="D32" s="39">
        <v>1</v>
      </c>
    </row>
    <row r="33" spans="1:5" s="40" customFormat="1" ht="39" customHeight="1" x14ac:dyDescent="0.25">
      <c r="A33" s="36" t="s">
        <v>332</v>
      </c>
      <c r="B33" s="37" t="s">
        <v>333</v>
      </c>
      <c r="C33" s="38" t="s">
        <v>322</v>
      </c>
      <c r="D33" s="39">
        <v>1</v>
      </c>
    </row>
    <row r="34" spans="1:5" s="29" customFormat="1" ht="4.5" customHeight="1" x14ac:dyDescent="0.25">
      <c r="A34" s="30"/>
      <c r="B34" s="41"/>
      <c r="C34" s="30"/>
      <c r="D34" s="30"/>
    </row>
    <row r="35" spans="1:5" s="29" customFormat="1" ht="20.100000000000001" customHeight="1" x14ac:dyDescent="0.25">
      <c r="A35" s="127" t="s">
        <v>18</v>
      </c>
      <c r="B35" s="128"/>
      <c r="C35" s="30"/>
      <c r="D35" s="30"/>
    </row>
    <row r="36" spans="1:5" s="29" customFormat="1" ht="20.100000000000001" customHeight="1" x14ac:dyDescent="0.2">
      <c r="A36" s="42"/>
      <c r="B36" s="43" t="s">
        <v>2</v>
      </c>
      <c r="C36" s="30"/>
      <c r="D36" s="30"/>
    </row>
    <row r="37" spans="1:5" s="29" customFormat="1" ht="20.100000000000001" customHeight="1" x14ac:dyDescent="0.25">
      <c r="A37" s="31"/>
      <c r="B37" s="23" t="s">
        <v>3</v>
      </c>
      <c r="C37" s="30"/>
      <c r="D37" s="30"/>
    </row>
    <row r="38" spans="1:5" ht="5.0999999999999996" customHeight="1" x14ac:dyDescent="0.2"/>
    <row r="39" spans="1:5" s="18" customFormat="1" ht="20.100000000000001" customHeight="1" x14ac:dyDescent="0.25">
      <c r="A39" s="136" t="s">
        <v>23</v>
      </c>
      <c r="B39" s="136"/>
      <c r="C39" s="136"/>
      <c r="D39" s="136"/>
    </row>
    <row r="40" spans="1:5" s="18" customFormat="1" ht="5.0999999999999996" customHeight="1" thickBot="1" x14ac:dyDescent="0.3">
      <c r="A40" s="28"/>
      <c r="B40" s="23"/>
      <c r="C40" s="44"/>
      <c r="D40" s="44"/>
    </row>
    <row r="41" spans="1:5" s="23" customFormat="1" ht="126.75" customHeight="1" x14ac:dyDescent="0.25">
      <c r="A41" s="147" t="s">
        <v>0</v>
      </c>
      <c r="B41" s="148"/>
      <c r="C41" s="151" t="s">
        <v>144</v>
      </c>
      <c r="D41" s="152"/>
      <c r="E41" s="45"/>
    </row>
    <row r="42" spans="1:5" s="23" customFormat="1" ht="26.25" thickBot="1" x14ac:dyDescent="0.3">
      <c r="A42" s="149"/>
      <c r="B42" s="150"/>
      <c r="C42" s="46" t="s">
        <v>143</v>
      </c>
      <c r="D42" s="47" t="s">
        <v>24</v>
      </c>
    </row>
    <row r="43" spans="1:5" s="48" customFormat="1" ht="28.5" customHeight="1" x14ac:dyDescent="0.25">
      <c r="A43" s="159" t="s">
        <v>164</v>
      </c>
      <c r="B43" s="160"/>
      <c r="C43" s="160"/>
      <c r="D43" s="161"/>
    </row>
    <row r="44" spans="1:5" s="18" customFormat="1" ht="30.75" customHeight="1" x14ac:dyDescent="0.25">
      <c r="A44" s="165" t="s">
        <v>61</v>
      </c>
      <c r="B44" s="166"/>
      <c r="C44" s="166"/>
      <c r="D44" s="167"/>
    </row>
    <row r="45" spans="1:5" s="18" customFormat="1" ht="42" customHeight="1" x14ac:dyDescent="0.25">
      <c r="A45" s="49" t="s">
        <v>62</v>
      </c>
      <c r="B45" s="88" t="s">
        <v>165</v>
      </c>
      <c r="C45" s="50"/>
      <c r="D45" s="51"/>
    </row>
    <row r="46" spans="1:5" s="18" customFormat="1" ht="54.75" customHeight="1" x14ac:dyDescent="0.25">
      <c r="A46" s="52" t="s">
        <v>64</v>
      </c>
      <c r="B46" s="89" t="s">
        <v>166</v>
      </c>
      <c r="C46" s="50"/>
      <c r="D46" s="53"/>
    </row>
    <row r="47" spans="1:5" s="18" customFormat="1" ht="29.25" customHeight="1" x14ac:dyDescent="0.25">
      <c r="A47" s="52" t="s">
        <v>65</v>
      </c>
      <c r="B47" s="90" t="s">
        <v>167</v>
      </c>
      <c r="C47" s="50"/>
      <c r="D47" s="53"/>
    </row>
    <row r="48" spans="1:5" s="18" customFormat="1" ht="85.5" customHeight="1" x14ac:dyDescent="0.25">
      <c r="A48" s="52" t="s">
        <v>66</v>
      </c>
      <c r="B48" s="89" t="s">
        <v>63</v>
      </c>
      <c r="C48" s="50"/>
      <c r="D48" s="53"/>
    </row>
    <row r="49" spans="1:4" s="18" customFormat="1" ht="29.25" customHeight="1" x14ac:dyDescent="0.25">
      <c r="A49" s="52" t="s">
        <v>67</v>
      </c>
      <c r="B49" s="89" t="s">
        <v>168</v>
      </c>
      <c r="C49" s="50"/>
      <c r="D49" s="53"/>
    </row>
    <row r="50" spans="1:4" s="18" customFormat="1" ht="43.5" customHeight="1" x14ac:dyDescent="0.25">
      <c r="A50" s="52" t="s">
        <v>68</v>
      </c>
      <c r="B50" s="89" t="s">
        <v>169</v>
      </c>
      <c r="C50" s="50"/>
      <c r="D50" s="53"/>
    </row>
    <row r="51" spans="1:4" s="18" customFormat="1" ht="29.25" customHeight="1" x14ac:dyDescent="0.25">
      <c r="A51" s="168" t="s">
        <v>69</v>
      </c>
      <c r="B51" s="169"/>
      <c r="C51" s="169"/>
      <c r="D51" s="170"/>
    </row>
    <row r="52" spans="1:4" s="18" customFormat="1" ht="29.25" customHeight="1" x14ac:dyDescent="0.25">
      <c r="A52" s="52" t="s">
        <v>72</v>
      </c>
      <c r="B52" s="91" t="s">
        <v>170</v>
      </c>
      <c r="C52" s="50"/>
      <c r="D52" s="53"/>
    </row>
    <row r="53" spans="1:4" s="18" customFormat="1" ht="29.25" customHeight="1" x14ac:dyDescent="0.25">
      <c r="A53" s="52" t="s">
        <v>73</v>
      </c>
      <c r="B53" s="91" t="s">
        <v>70</v>
      </c>
      <c r="C53" s="50"/>
      <c r="D53" s="53"/>
    </row>
    <row r="54" spans="1:4" s="18" customFormat="1" ht="29.25" customHeight="1" x14ac:dyDescent="0.25">
      <c r="A54" s="52" t="s">
        <v>74</v>
      </c>
      <c r="B54" s="91" t="s">
        <v>171</v>
      </c>
      <c r="C54" s="50"/>
      <c r="D54" s="53"/>
    </row>
    <row r="55" spans="1:4" s="18" customFormat="1" ht="29.25" customHeight="1" x14ac:dyDescent="0.25">
      <c r="A55" s="52" t="s">
        <v>75</v>
      </c>
      <c r="B55" s="91" t="s">
        <v>71</v>
      </c>
      <c r="C55" s="50"/>
      <c r="D55" s="53"/>
    </row>
    <row r="56" spans="1:4" s="18" customFormat="1" ht="29.25" customHeight="1" x14ac:dyDescent="0.25">
      <c r="A56" s="142" t="s">
        <v>76</v>
      </c>
      <c r="B56" s="143"/>
      <c r="C56" s="143"/>
      <c r="D56" s="144"/>
    </row>
    <row r="57" spans="1:4" s="18" customFormat="1" ht="29.25" customHeight="1" x14ac:dyDescent="0.25">
      <c r="A57" s="52" t="s">
        <v>77</v>
      </c>
      <c r="B57" s="91" t="s">
        <v>172</v>
      </c>
      <c r="C57" s="50"/>
      <c r="D57" s="53"/>
    </row>
    <row r="58" spans="1:4" s="18" customFormat="1" ht="28.5" customHeight="1" x14ac:dyDescent="0.25">
      <c r="A58" s="52" t="s">
        <v>78</v>
      </c>
      <c r="B58" s="91" t="s">
        <v>173</v>
      </c>
      <c r="C58" s="50"/>
      <c r="D58" s="53"/>
    </row>
    <row r="59" spans="1:4" s="18" customFormat="1" ht="29.25" customHeight="1" x14ac:dyDescent="0.25">
      <c r="A59" s="52" t="s">
        <v>79</v>
      </c>
      <c r="B59" s="91" t="s">
        <v>174</v>
      </c>
      <c r="C59" s="50"/>
      <c r="D59" s="53"/>
    </row>
    <row r="60" spans="1:4" s="18" customFormat="1" ht="29.25" customHeight="1" x14ac:dyDescent="0.25">
      <c r="A60" s="52" t="s">
        <v>80</v>
      </c>
      <c r="B60" s="91" t="s">
        <v>175</v>
      </c>
      <c r="C60" s="50"/>
      <c r="D60" s="53"/>
    </row>
    <row r="61" spans="1:4" s="18" customFormat="1" ht="29.25" customHeight="1" x14ac:dyDescent="0.25">
      <c r="A61" s="52" t="s">
        <v>81</v>
      </c>
      <c r="B61" s="91" t="s">
        <v>176</v>
      </c>
      <c r="C61" s="50"/>
      <c r="D61" s="53"/>
    </row>
    <row r="62" spans="1:4" s="18" customFormat="1" ht="29.25" customHeight="1" x14ac:dyDescent="0.25">
      <c r="A62" s="52" t="s">
        <v>82</v>
      </c>
      <c r="B62" s="91" t="s">
        <v>177</v>
      </c>
      <c r="C62" s="50"/>
      <c r="D62" s="53"/>
    </row>
    <row r="63" spans="1:4" s="18" customFormat="1" ht="39" customHeight="1" x14ac:dyDescent="0.25">
      <c r="A63" s="52" t="s">
        <v>83</v>
      </c>
      <c r="B63" s="91" t="s">
        <v>178</v>
      </c>
      <c r="C63" s="50"/>
      <c r="D63" s="53"/>
    </row>
    <row r="64" spans="1:4" s="18" customFormat="1" ht="29.25" customHeight="1" x14ac:dyDescent="0.25">
      <c r="A64" s="142" t="s">
        <v>84</v>
      </c>
      <c r="B64" s="143"/>
      <c r="C64" s="143"/>
      <c r="D64" s="144"/>
    </row>
    <row r="65" spans="1:4" s="18" customFormat="1" ht="29.25" customHeight="1" x14ac:dyDescent="0.25">
      <c r="A65" s="52" t="s">
        <v>85</v>
      </c>
      <c r="B65" s="91" t="s">
        <v>179</v>
      </c>
      <c r="C65" s="50"/>
      <c r="D65" s="53"/>
    </row>
    <row r="66" spans="1:4" s="18" customFormat="1" ht="62.25" customHeight="1" x14ac:dyDescent="0.25">
      <c r="A66" s="52" t="s">
        <v>86</v>
      </c>
      <c r="B66" s="91" t="s">
        <v>180</v>
      </c>
      <c r="C66" s="50"/>
      <c r="D66" s="53"/>
    </row>
    <row r="67" spans="1:4" s="18" customFormat="1" ht="29.25" customHeight="1" x14ac:dyDescent="0.25">
      <c r="A67" s="142" t="s">
        <v>181</v>
      </c>
      <c r="B67" s="143"/>
      <c r="C67" s="143"/>
      <c r="D67" s="144"/>
    </row>
    <row r="68" spans="1:4" s="18" customFormat="1" ht="54.75" customHeight="1" x14ac:dyDescent="0.25">
      <c r="A68" s="52" t="s">
        <v>87</v>
      </c>
      <c r="B68" s="91" t="s">
        <v>182</v>
      </c>
      <c r="C68" s="50"/>
      <c r="D68" s="53"/>
    </row>
    <row r="69" spans="1:4" s="18" customFormat="1" ht="29.25" customHeight="1" x14ac:dyDescent="0.25">
      <c r="A69" s="52" t="s">
        <v>88</v>
      </c>
      <c r="B69" s="91" t="s">
        <v>183</v>
      </c>
      <c r="C69" s="50"/>
      <c r="D69" s="53"/>
    </row>
    <row r="70" spans="1:4" s="18" customFormat="1" ht="28.5" customHeight="1" x14ac:dyDescent="0.25">
      <c r="A70" s="52" t="s">
        <v>89</v>
      </c>
      <c r="B70" s="91" t="s">
        <v>184</v>
      </c>
      <c r="C70" s="50"/>
      <c r="D70" s="53"/>
    </row>
    <row r="71" spans="1:4" s="18" customFormat="1" ht="29.25" customHeight="1" x14ac:dyDescent="0.25">
      <c r="A71" s="52" t="s">
        <v>90</v>
      </c>
      <c r="B71" s="91" t="s">
        <v>185</v>
      </c>
      <c r="C71" s="50"/>
      <c r="D71" s="53"/>
    </row>
    <row r="72" spans="1:4" s="18" customFormat="1" ht="29.25" customHeight="1" x14ac:dyDescent="0.25">
      <c r="A72" s="52" t="s">
        <v>91</v>
      </c>
      <c r="B72" s="91" t="s">
        <v>186</v>
      </c>
      <c r="C72" s="50"/>
      <c r="D72" s="53"/>
    </row>
    <row r="73" spans="1:4" s="18" customFormat="1" ht="29.25" customHeight="1" x14ac:dyDescent="0.25">
      <c r="A73" s="52" t="s">
        <v>92</v>
      </c>
      <c r="B73" s="91" t="s">
        <v>187</v>
      </c>
      <c r="C73" s="50"/>
      <c r="D73" s="53"/>
    </row>
    <row r="74" spans="1:4" s="18" customFormat="1" ht="44.25" customHeight="1" x14ac:dyDescent="0.25">
      <c r="A74" s="52" t="s">
        <v>93</v>
      </c>
      <c r="B74" s="91" t="s">
        <v>327</v>
      </c>
      <c r="C74" s="50"/>
      <c r="D74" s="53"/>
    </row>
    <row r="75" spans="1:4" s="18" customFormat="1" ht="42.75" customHeight="1" x14ac:dyDescent="0.25">
      <c r="A75" s="52" t="s">
        <v>94</v>
      </c>
      <c r="B75" s="91" t="s">
        <v>188</v>
      </c>
      <c r="C75" s="50"/>
      <c r="D75" s="53"/>
    </row>
    <row r="76" spans="1:4" s="18" customFormat="1" ht="29.25" customHeight="1" x14ac:dyDescent="0.25">
      <c r="A76" s="52" t="s">
        <v>95</v>
      </c>
      <c r="B76" s="91" t="s">
        <v>189</v>
      </c>
      <c r="C76" s="50"/>
      <c r="D76" s="53"/>
    </row>
    <row r="77" spans="1:4" s="18" customFormat="1" ht="27.75" customHeight="1" x14ac:dyDescent="0.25">
      <c r="A77" s="142" t="s">
        <v>96</v>
      </c>
      <c r="B77" s="143"/>
      <c r="C77" s="143"/>
      <c r="D77" s="144"/>
    </row>
    <row r="78" spans="1:4" s="18" customFormat="1" ht="29.25" customHeight="1" x14ac:dyDescent="0.25">
      <c r="A78" s="52" t="s">
        <v>97</v>
      </c>
      <c r="B78" s="91" t="s">
        <v>190</v>
      </c>
      <c r="C78" s="50"/>
      <c r="D78" s="53"/>
    </row>
    <row r="79" spans="1:4" s="18" customFormat="1" ht="29.25" customHeight="1" x14ac:dyDescent="0.25">
      <c r="A79" s="52" t="s">
        <v>98</v>
      </c>
      <c r="B79" s="91" t="s">
        <v>191</v>
      </c>
      <c r="C79" s="50"/>
      <c r="D79" s="53"/>
    </row>
    <row r="80" spans="1:4" s="18" customFormat="1" ht="29.25" customHeight="1" x14ac:dyDescent="0.25">
      <c r="A80" s="52" t="s">
        <v>99</v>
      </c>
      <c r="B80" s="91" t="s">
        <v>192</v>
      </c>
      <c r="C80" s="50"/>
      <c r="D80" s="53"/>
    </row>
    <row r="81" spans="1:4" s="18" customFormat="1" ht="29.25" customHeight="1" x14ac:dyDescent="0.25">
      <c r="A81" s="52" t="s">
        <v>100</v>
      </c>
      <c r="B81" s="91" t="s">
        <v>193</v>
      </c>
      <c r="C81" s="50"/>
      <c r="D81" s="53"/>
    </row>
    <row r="82" spans="1:4" s="18" customFormat="1" ht="29.25" customHeight="1" x14ac:dyDescent="0.25">
      <c r="A82" s="52" t="s">
        <v>101</v>
      </c>
      <c r="B82" s="91" t="s">
        <v>194</v>
      </c>
      <c r="C82" s="50"/>
      <c r="D82" s="53"/>
    </row>
    <row r="83" spans="1:4" s="18" customFormat="1" ht="29.25" customHeight="1" x14ac:dyDescent="0.25">
      <c r="A83" s="52" t="s">
        <v>102</v>
      </c>
      <c r="B83" s="91" t="s">
        <v>195</v>
      </c>
      <c r="C83" s="50"/>
      <c r="D83" s="53"/>
    </row>
    <row r="84" spans="1:4" s="18" customFormat="1" ht="29.25" customHeight="1" x14ac:dyDescent="0.25">
      <c r="A84" s="52" t="s">
        <v>103</v>
      </c>
      <c r="B84" s="91" t="s">
        <v>196</v>
      </c>
      <c r="C84" s="50"/>
      <c r="D84" s="53"/>
    </row>
    <row r="85" spans="1:4" s="18" customFormat="1" ht="29.25" customHeight="1" x14ac:dyDescent="0.25">
      <c r="A85" s="142" t="s">
        <v>104</v>
      </c>
      <c r="B85" s="143"/>
      <c r="C85" s="143"/>
      <c r="D85" s="144"/>
    </row>
    <row r="86" spans="1:4" s="18" customFormat="1" ht="73.5" customHeight="1" x14ac:dyDescent="0.25">
      <c r="A86" s="54" t="s">
        <v>105</v>
      </c>
      <c r="B86" s="91" t="s">
        <v>197</v>
      </c>
      <c r="C86" s="50"/>
      <c r="D86" s="53"/>
    </row>
    <row r="87" spans="1:4" s="18" customFormat="1" ht="30" customHeight="1" x14ac:dyDescent="0.25">
      <c r="A87" s="142" t="s">
        <v>106</v>
      </c>
      <c r="B87" s="143"/>
      <c r="C87" s="143"/>
      <c r="D87" s="144"/>
    </row>
    <row r="88" spans="1:4" s="18" customFormat="1" ht="43.5" customHeight="1" x14ac:dyDescent="0.25">
      <c r="A88" s="54" t="s">
        <v>107</v>
      </c>
      <c r="B88" s="91" t="s">
        <v>198</v>
      </c>
      <c r="C88" s="50"/>
      <c r="D88" s="53"/>
    </row>
    <row r="89" spans="1:4" s="18" customFormat="1" ht="29.25" customHeight="1" x14ac:dyDescent="0.25">
      <c r="A89" s="142" t="s">
        <v>108</v>
      </c>
      <c r="B89" s="143"/>
      <c r="C89" s="143"/>
      <c r="D89" s="144"/>
    </row>
    <row r="90" spans="1:4" s="18" customFormat="1" ht="54.75" customHeight="1" x14ac:dyDescent="0.25">
      <c r="A90" s="54" t="s">
        <v>110</v>
      </c>
      <c r="B90" s="91" t="s">
        <v>199</v>
      </c>
      <c r="C90" s="50"/>
      <c r="D90" s="53"/>
    </row>
    <row r="91" spans="1:4" s="18" customFormat="1" ht="29.25" customHeight="1" x14ac:dyDescent="0.25">
      <c r="A91" s="54" t="s">
        <v>111</v>
      </c>
      <c r="B91" s="91" t="s">
        <v>109</v>
      </c>
      <c r="C91" s="50"/>
      <c r="D91" s="53"/>
    </row>
    <row r="92" spans="1:4" s="18" customFormat="1" ht="48" customHeight="1" x14ac:dyDescent="0.25">
      <c r="A92" s="54" t="s">
        <v>112</v>
      </c>
      <c r="B92" s="91" t="s">
        <v>200</v>
      </c>
      <c r="C92" s="50"/>
      <c r="D92" s="53"/>
    </row>
    <row r="93" spans="1:4" s="18" customFormat="1" ht="33.75" customHeight="1" x14ac:dyDescent="0.25">
      <c r="A93" s="54" t="s">
        <v>113</v>
      </c>
      <c r="B93" s="91" t="s">
        <v>201</v>
      </c>
      <c r="C93" s="50"/>
      <c r="D93" s="53"/>
    </row>
    <row r="94" spans="1:4" s="18" customFormat="1" ht="111" customHeight="1" x14ac:dyDescent="0.25">
      <c r="A94" s="54" t="s">
        <v>140</v>
      </c>
      <c r="B94" s="91" t="s">
        <v>232</v>
      </c>
      <c r="C94" s="50"/>
      <c r="D94" s="53"/>
    </row>
    <row r="95" spans="1:4" s="18" customFormat="1" ht="36" customHeight="1" x14ac:dyDescent="0.25">
      <c r="A95" s="142" t="s">
        <v>114</v>
      </c>
      <c r="B95" s="143"/>
      <c r="C95" s="143"/>
      <c r="D95" s="144"/>
    </row>
    <row r="96" spans="1:4" s="18" customFormat="1" ht="29.25" customHeight="1" x14ac:dyDescent="0.25">
      <c r="A96" s="54" t="s">
        <v>116</v>
      </c>
      <c r="B96" s="91" t="s">
        <v>115</v>
      </c>
      <c r="C96" s="50"/>
      <c r="D96" s="53"/>
    </row>
    <row r="97" spans="1:4" s="18" customFormat="1" ht="29.25" customHeight="1" x14ac:dyDescent="0.25">
      <c r="A97" s="54" t="s">
        <v>117</v>
      </c>
      <c r="B97" s="91" t="s">
        <v>202</v>
      </c>
      <c r="C97" s="50"/>
      <c r="D97" s="53"/>
    </row>
    <row r="98" spans="1:4" s="18" customFormat="1" ht="29.25" customHeight="1" x14ac:dyDescent="0.25">
      <c r="A98" s="54" t="s">
        <v>118</v>
      </c>
      <c r="B98" s="91" t="s">
        <v>203</v>
      </c>
      <c r="C98" s="50"/>
      <c r="D98" s="53"/>
    </row>
    <row r="99" spans="1:4" s="18" customFormat="1" ht="29.25" customHeight="1" x14ac:dyDescent="0.25">
      <c r="A99" s="174" t="s">
        <v>119</v>
      </c>
      <c r="B99" s="175"/>
      <c r="C99" s="175"/>
      <c r="D99" s="176"/>
    </row>
    <row r="100" spans="1:4" s="18" customFormat="1" ht="71.25" customHeight="1" x14ac:dyDescent="0.25">
      <c r="A100" s="54" t="s">
        <v>120</v>
      </c>
      <c r="B100" s="91" t="s">
        <v>204</v>
      </c>
      <c r="C100" s="50"/>
      <c r="D100" s="53"/>
    </row>
    <row r="101" spans="1:4" s="18" customFormat="1" ht="66" customHeight="1" x14ac:dyDescent="0.25">
      <c r="A101" s="54" t="s">
        <v>121</v>
      </c>
      <c r="B101" s="91" t="s">
        <v>205</v>
      </c>
      <c r="C101" s="50"/>
      <c r="D101" s="53"/>
    </row>
    <row r="102" spans="1:4" s="18" customFormat="1" ht="29.25" customHeight="1" x14ac:dyDescent="0.25">
      <c r="A102" s="54" t="s">
        <v>122</v>
      </c>
      <c r="B102" s="91" t="s">
        <v>206</v>
      </c>
      <c r="C102" s="50"/>
      <c r="D102" s="53"/>
    </row>
    <row r="103" spans="1:4" s="18" customFormat="1" ht="56.25" customHeight="1" x14ac:dyDescent="0.25">
      <c r="A103" s="54" t="s">
        <v>123</v>
      </c>
      <c r="B103" s="91" t="s">
        <v>328</v>
      </c>
      <c r="C103" s="50"/>
      <c r="D103" s="53"/>
    </row>
    <row r="104" spans="1:4" s="18" customFormat="1" ht="29.25" customHeight="1" x14ac:dyDescent="0.25">
      <c r="A104" s="54" t="s">
        <v>124</v>
      </c>
      <c r="B104" s="91" t="s">
        <v>207</v>
      </c>
      <c r="C104" s="50"/>
      <c r="D104" s="53"/>
    </row>
    <row r="105" spans="1:4" s="18" customFormat="1" ht="29.25" customHeight="1" x14ac:dyDescent="0.25">
      <c r="A105" s="54" t="s">
        <v>125</v>
      </c>
      <c r="B105" s="91" t="s">
        <v>208</v>
      </c>
      <c r="C105" s="50"/>
      <c r="D105" s="53"/>
    </row>
    <row r="106" spans="1:4" s="18" customFormat="1" ht="29.25" customHeight="1" x14ac:dyDescent="0.25">
      <c r="A106" s="54" t="s">
        <v>126</v>
      </c>
      <c r="B106" s="91" t="s">
        <v>209</v>
      </c>
      <c r="C106" s="50"/>
      <c r="D106" s="53"/>
    </row>
    <row r="107" spans="1:4" s="18" customFormat="1" ht="68.25" customHeight="1" x14ac:dyDescent="0.25">
      <c r="A107" s="54" t="s">
        <v>127</v>
      </c>
      <c r="B107" s="91" t="s">
        <v>210</v>
      </c>
      <c r="C107" s="50"/>
      <c r="D107" s="53"/>
    </row>
    <row r="108" spans="1:4" s="18" customFormat="1" ht="43.5" customHeight="1" x14ac:dyDescent="0.25">
      <c r="A108" s="52" t="s">
        <v>128</v>
      </c>
      <c r="B108" s="91" t="s">
        <v>211</v>
      </c>
      <c r="C108" s="50"/>
      <c r="D108" s="53"/>
    </row>
    <row r="109" spans="1:4" s="18" customFormat="1" ht="43.5" customHeight="1" x14ac:dyDescent="0.25">
      <c r="A109" s="52" t="s">
        <v>129</v>
      </c>
      <c r="B109" s="91" t="s">
        <v>212</v>
      </c>
      <c r="C109" s="50"/>
      <c r="D109" s="53"/>
    </row>
    <row r="110" spans="1:4" s="18" customFormat="1" ht="29.25" customHeight="1" x14ac:dyDescent="0.25">
      <c r="A110" s="52" t="s">
        <v>135</v>
      </c>
      <c r="B110" s="92" t="s">
        <v>130</v>
      </c>
      <c r="C110" s="50"/>
      <c r="D110" s="53"/>
    </row>
    <row r="111" spans="1:4" s="18" customFormat="1" ht="29.25" customHeight="1" x14ac:dyDescent="0.25">
      <c r="A111" s="55" t="s">
        <v>213</v>
      </c>
      <c r="B111" s="89" t="s">
        <v>233</v>
      </c>
      <c r="C111" s="50"/>
      <c r="D111" s="53"/>
    </row>
    <row r="112" spans="1:4" s="18" customFormat="1" ht="29.25" customHeight="1" x14ac:dyDescent="0.25">
      <c r="A112" s="55" t="s">
        <v>214</v>
      </c>
      <c r="B112" s="89" t="s">
        <v>234</v>
      </c>
      <c r="C112" s="50"/>
      <c r="D112" s="53"/>
    </row>
    <row r="113" spans="1:4" s="18" customFormat="1" ht="29.25" customHeight="1" x14ac:dyDescent="0.25">
      <c r="A113" s="55" t="s">
        <v>215</v>
      </c>
      <c r="B113" s="89" t="s">
        <v>235</v>
      </c>
      <c r="C113" s="50"/>
      <c r="D113" s="53"/>
    </row>
    <row r="114" spans="1:4" s="18" customFormat="1" ht="29.25" customHeight="1" x14ac:dyDescent="0.25">
      <c r="A114" s="55" t="s">
        <v>216</v>
      </c>
      <c r="B114" s="89" t="s">
        <v>236</v>
      </c>
      <c r="C114" s="50"/>
      <c r="D114" s="53"/>
    </row>
    <row r="115" spans="1:4" s="18" customFormat="1" ht="29.25" customHeight="1" x14ac:dyDescent="0.25">
      <c r="A115" s="55" t="s">
        <v>217</v>
      </c>
      <c r="B115" s="91" t="s">
        <v>237</v>
      </c>
      <c r="C115" s="50"/>
      <c r="D115" s="53"/>
    </row>
    <row r="116" spans="1:4" s="18" customFormat="1" ht="69.75" customHeight="1" x14ac:dyDescent="0.25">
      <c r="A116" s="49" t="s">
        <v>218</v>
      </c>
      <c r="B116" s="93" t="s">
        <v>220</v>
      </c>
      <c r="C116" s="50"/>
      <c r="D116" s="53"/>
    </row>
    <row r="117" spans="1:4" s="18" customFormat="1" ht="29.25" customHeight="1" x14ac:dyDescent="0.25">
      <c r="A117" s="49" t="s">
        <v>219</v>
      </c>
      <c r="B117" s="91" t="s">
        <v>131</v>
      </c>
      <c r="C117" s="50"/>
      <c r="D117" s="53"/>
    </row>
    <row r="118" spans="1:4" s="18" customFormat="1" ht="29.25" customHeight="1" x14ac:dyDescent="0.25">
      <c r="A118" s="142" t="s">
        <v>145</v>
      </c>
      <c r="B118" s="143"/>
      <c r="C118" s="143"/>
      <c r="D118" s="144"/>
    </row>
    <row r="119" spans="1:4" s="18" customFormat="1" ht="29.25" customHeight="1" x14ac:dyDescent="0.25">
      <c r="A119" s="49" t="s">
        <v>132</v>
      </c>
      <c r="B119" s="93" t="s">
        <v>221</v>
      </c>
      <c r="C119" s="50"/>
      <c r="D119" s="53"/>
    </row>
    <row r="120" spans="1:4" s="18" customFormat="1" ht="29.25" customHeight="1" x14ac:dyDescent="0.25">
      <c r="A120" s="49" t="s">
        <v>146</v>
      </c>
      <c r="B120" s="91" t="s">
        <v>222</v>
      </c>
      <c r="C120" s="50"/>
      <c r="D120" s="53"/>
    </row>
    <row r="121" spans="1:4" s="18" customFormat="1" ht="29.25" customHeight="1" x14ac:dyDescent="0.25">
      <c r="A121" s="49" t="s">
        <v>147</v>
      </c>
      <c r="B121" s="91" t="s">
        <v>223</v>
      </c>
      <c r="C121" s="50"/>
      <c r="D121" s="53"/>
    </row>
    <row r="122" spans="1:4" s="18" customFormat="1" ht="29.25" customHeight="1" x14ac:dyDescent="0.25">
      <c r="A122" s="49" t="s">
        <v>148</v>
      </c>
      <c r="B122" s="91" t="s">
        <v>224</v>
      </c>
      <c r="C122" s="50"/>
      <c r="D122" s="53"/>
    </row>
    <row r="123" spans="1:4" s="18" customFormat="1" ht="29.25" customHeight="1" x14ac:dyDescent="0.25">
      <c r="A123" s="49" t="s">
        <v>149</v>
      </c>
      <c r="B123" s="91" t="s">
        <v>226</v>
      </c>
      <c r="C123" s="50"/>
      <c r="D123" s="53"/>
    </row>
    <row r="124" spans="1:4" s="18" customFormat="1" ht="29.25" customHeight="1" x14ac:dyDescent="0.25">
      <c r="A124" s="49" t="s">
        <v>150</v>
      </c>
      <c r="B124" s="91" t="s">
        <v>225</v>
      </c>
      <c r="C124" s="50"/>
      <c r="D124" s="53"/>
    </row>
    <row r="125" spans="1:4" s="18" customFormat="1" ht="29.25" customHeight="1" x14ac:dyDescent="0.25">
      <c r="A125" s="177" t="s">
        <v>227</v>
      </c>
      <c r="B125" s="178"/>
      <c r="C125" s="178"/>
      <c r="D125" s="179"/>
    </row>
    <row r="126" spans="1:4" s="18" customFormat="1" ht="29.25" customHeight="1" x14ac:dyDescent="0.25">
      <c r="A126" s="49" t="s">
        <v>133</v>
      </c>
      <c r="B126" s="94" t="s">
        <v>228</v>
      </c>
      <c r="C126" s="50"/>
      <c r="D126" s="53"/>
    </row>
    <row r="127" spans="1:4" s="18" customFormat="1" ht="29.25" customHeight="1" x14ac:dyDescent="0.25">
      <c r="A127" s="49" t="s">
        <v>134</v>
      </c>
      <c r="B127" s="91" t="s">
        <v>229</v>
      </c>
      <c r="C127" s="50"/>
      <c r="D127" s="53"/>
    </row>
    <row r="128" spans="1:4" s="18" customFormat="1" ht="42" customHeight="1" x14ac:dyDescent="0.25">
      <c r="A128" s="49" t="s">
        <v>136</v>
      </c>
      <c r="B128" s="91" t="s">
        <v>230</v>
      </c>
      <c r="C128" s="50"/>
      <c r="D128" s="53"/>
    </row>
    <row r="129" spans="1:4" s="18" customFormat="1" ht="53.25" customHeight="1" x14ac:dyDescent="0.25">
      <c r="A129" s="49" t="s">
        <v>137</v>
      </c>
      <c r="B129" s="91" t="s">
        <v>231</v>
      </c>
      <c r="C129" s="50"/>
      <c r="D129" s="53"/>
    </row>
    <row r="130" spans="1:4" s="18" customFormat="1" ht="217.5" customHeight="1" x14ac:dyDescent="0.25">
      <c r="A130" s="49" t="s">
        <v>138</v>
      </c>
      <c r="B130" s="95" t="s">
        <v>329</v>
      </c>
      <c r="C130" s="50"/>
      <c r="D130" s="53"/>
    </row>
    <row r="131" spans="1:4" s="18" customFormat="1" ht="105.75" customHeight="1" x14ac:dyDescent="0.25">
      <c r="A131" s="49" t="s">
        <v>139</v>
      </c>
      <c r="B131" s="96" t="s">
        <v>316</v>
      </c>
      <c r="C131" s="50"/>
      <c r="D131" s="53"/>
    </row>
    <row r="132" spans="1:4" s="18" customFormat="1" ht="78.75" customHeight="1" x14ac:dyDescent="0.25">
      <c r="A132" s="49" t="s">
        <v>151</v>
      </c>
      <c r="B132" s="97" t="s">
        <v>330</v>
      </c>
      <c r="C132" s="50"/>
      <c r="D132" s="53"/>
    </row>
    <row r="133" spans="1:4" s="18" customFormat="1" ht="29.25" customHeight="1" thickBot="1" x14ac:dyDescent="0.3">
      <c r="A133" s="56" t="s">
        <v>152</v>
      </c>
      <c r="B133" s="98" t="s">
        <v>315</v>
      </c>
      <c r="C133" s="57"/>
      <c r="D133" s="58"/>
    </row>
    <row r="134" spans="1:4" s="18" customFormat="1" ht="5.0999999999999996" customHeight="1" x14ac:dyDescent="0.25">
      <c r="A134" s="28"/>
      <c r="B134" s="23"/>
      <c r="C134" s="44"/>
      <c r="D134" s="44"/>
    </row>
    <row r="135" spans="1:4" s="18" customFormat="1" ht="20.100000000000001" customHeight="1" x14ac:dyDescent="0.25">
      <c r="A135" s="136" t="s">
        <v>36</v>
      </c>
      <c r="B135" s="136"/>
      <c r="C135" s="136"/>
      <c r="D135" s="136"/>
    </row>
    <row r="136" spans="1:4" s="18" customFormat="1" ht="5.0999999999999996" customHeight="1" thickBot="1" x14ac:dyDescent="0.3">
      <c r="A136" s="28"/>
      <c r="B136" s="23"/>
      <c r="C136" s="44"/>
      <c r="D136" s="44"/>
    </row>
    <row r="137" spans="1:4" s="23" customFormat="1" ht="87.75" customHeight="1" x14ac:dyDescent="0.25">
      <c r="A137" s="147" t="s">
        <v>6</v>
      </c>
      <c r="B137" s="148"/>
      <c r="C137" s="182" t="s">
        <v>154</v>
      </c>
      <c r="D137" s="183"/>
    </row>
    <row r="138" spans="1:4" s="23" customFormat="1" ht="30" customHeight="1" thickBot="1" x14ac:dyDescent="0.3">
      <c r="A138" s="149"/>
      <c r="B138" s="150"/>
      <c r="C138" s="46" t="s">
        <v>153</v>
      </c>
      <c r="D138" s="59" t="s">
        <v>25</v>
      </c>
    </row>
    <row r="139" spans="1:4" s="18" customFormat="1" ht="31.5" customHeight="1" x14ac:dyDescent="0.25">
      <c r="A139" s="99" t="s">
        <v>13</v>
      </c>
      <c r="B139" s="100" t="s">
        <v>291</v>
      </c>
      <c r="C139" s="14"/>
      <c r="D139" s="60"/>
    </row>
    <row r="140" spans="1:4" s="18" customFormat="1" ht="29.25" customHeight="1" x14ac:dyDescent="0.25">
      <c r="A140" s="101" t="s">
        <v>42</v>
      </c>
      <c r="B140" s="102" t="s">
        <v>310</v>
      </c>
      <c r="C140" s="14"/>
      <c r="D140" s="61"/>
    </row>
    <row r="141" spans="1:4" s="18" customFormat="1" ht="64.5" customHeight="1" x14ac:dyDescent="0.25">
      <c r="A141" s="103" t="s">
        <v>239</v>
      </c>
      <c r="B141" s="104" t="s">
        <v>335</v>
      </c>
      <c r="C141" s="14"/>
      <c r="D141" s="62"/>
    </row>
    <row r="142" spans="1:4" s="18" customFormat="1" ht="30.75" customHeight="1" x14ac:dyDescent="0.25">
      <c r="A142" s="103" t="s">
        <v>240</v>
      </c>
      <c r="B142" s="104" t="s">
        <v>263</v>
      </c>
      <c r="C142" s="14"/>
      <c r="D142" s="62"/>
    </row>
    <row r="143" spans="1:4" s="18" customFormat="1" ht="29.25" customHeight="1" x14ac:dyDescent="0.25">
      <c r="A143" s="103" t="s">
        <v>241</v>
      </c>
      <c r="B143" s="104" t="s">
        <v>264</v>
      </c>
      <c r="C143" s="14"/>
      <c r="D143" s="62"/>
    </row>
    <row r="144" spans="1:4" s="18" customFormat="1" ht="61.5" customHeight="1" x14ac:dyDescent="0.25">
      <c r="A144" s="103" t="s">
        <v>242</v>
      </c>
      <c r="B144" s="104" t="s">
        <v>265</v>
      </c>
      <c r="C144" s="14"/>
      <c r="D144" s="62"/>
    </row>
    <row r="145" spans="1:4" s="18" customFormat="1" ht="48" customHeight="1" x14ac:dyDescent="0.25">
      <c r="A145" s="103" t="s">
        <v>243</v>
      </c>
      <c r="B145" s="104" t="s">
        <v>266</v>
      </c>
      <c r="C145" s="14"/>
      <c r="D145" s="62"/>
    </row>
    <row r="146" spans="1:4" s="18" customFormat="1" ht="140.25" customHeight="1" x14ac:dyDescent="0.25">
      <c r="A146" s="105" t="s">
        <v>244</v>
      </c>
      <c r="B146" s="106" t="s">
        <v>313</v>
      </c>
      <c r="C146" s="14"/>
      <c r="D146" s="62"/>
    </row>
    <row r="147" spans="1:4" s="18" customFormat="1" ht="75.75" customHeight="1" x14ac:dyDescent="0.25">
      <c r="A147" s="107" t="s">
        <v>43</v>
      </c>
      <c r="B147" s="108" t="s">
        <v>312</v>
      </c>
      <c r="C147" s="14"/>
      <c r="D147" s="62"/>
    </row>
    <row r="148" spans="1:4" s="18" customFormat="1" ht="98.25" customHeight="1" x14ac:dyDescent="0.25">
      <c r="A148" s="109" t="s">
        <v>44</v>
      </c>
      <c r="B148" s="110" t="s">
        <v>267</v>
      </c>
      <c r="C148" s="14"/>
      <c r="D148" s="62"/>
    </row>
    <row r="149" spans="1:4" s="18" customFormat="1" ht="76.5" customHeight="1" x14ac:dyDescent="0.25">
      <c r="A149" s="107" t="s">
        <v>45</v>
      </c>
      <c r="B149" s="110" t="s">
        <v>268</v>
      </c>
      <c r="C149" s="14"/>
      <c r="D149" s="62"/>
    </row>
    <row r="150" spans="1:4" s="18" customFormat="1" ht="84" customHeight="1" x14ac:dyDescent="0.25">
      <c r="A150" s="107" t="s">
        <v>46</v>
      </c>
      <c r="B150" s="110" t="s">
        <v>269</v>
      </c>
      <c r="C150" s="14"/>
      <c r="D150" s="62"/>
    </row>
    <row r="151" spans="1:4" s="18" customFormat="1" ht="98.25" customHeight="1" x14ac:dyDescent="0.25">
      <c r="A151" s="109" t="s">
        <v>52</v>
      </c>
      <c r="B151" s="110" t="s">
        <v>292</v>
      </c>
      <c r="C151" s="14"/>
      <c r="D151" s="62"/>
    </row>
    <row r="152" spans="1:4" s="18" customFormat="1" ht="102.75" customHeight="1" x14ac:dyDescent="0.25">
      <c r="A152" s="111" t="s">
        <v>47</v>
      </c>
      <c r="B152" s="112" t="s">
        <v>270</v>
      </c>
      <c r="C152" s="14"/>
      <c r="D152" s="62"/>
    </row>
    <row r="153" spans="1:4" s="18" customFormat="1" ht="40.5" customHeight="1" x14ac:dyDescent="0.25">
      <c r="A153" s="113" t="s">
        <v>245</v>
      </c>
      <c r="B153" s="114" t="s">
        <v>271</v>
      </c>
      <c r="C153" s="14"/>
      <c r="D153" s="62"/>
    </row>
    <row r="154" spans="1:4" s="18" customFormat="1" ht="48" customHeight="1" x14ac:dyDescent="0.25">
      <c r="A154" s="113" t="s">
        <v>246</v>
      </c>
      <c r="B154" s="114" t="s">
        <v>272</v>
      </c>
      <c r="C154" s="14"/>
      <c r="D154" s="62"/>
    </row>
    <row r="155" spans="1:4" s="18" customFormat="1" ht="68.25" customHeight="1" x14ac:dyDescent="0.25">
      <c r="A155" s="113" t="s">
        <v>247</v>
      </c>
      <c r="B155" s="114" t="s">
        <v>273</v>
      </c>
      <c r="C155" s="14"/>
      <c r="D155" s="62"/>
    </row>
    <row r="156" spans="1:4" s="18" customFormat="1" ht="47.25" customHeight="1" x14ac:dyDescent="0.25">
      <c r="A156" s="113" t="s">
        <v>248</v>
      </c>
      <c r="B156" s="114" t="s">
        <v>274</v>
      </c>
      <c r="C156" s="14"/>
      <c r="D156" s="62"/>
    </row>
    <row r="157" spans="1:4" s="18" customFormat="1" ht="38.25" customHeight="1" x14ac:dyDescent="0.25">
      <c r="A157" s="113" t="s">
        <v>249</v>
      </c>
      <c r="B157" s="114" t="s">
        <v>275</v>
      </c>
      <c r="C157" s="14"/>
      <c r="D157" s="62"/>
    </row>
    <row r="158" spans="1:4" s="18" customFormat="1" ht="59.25" customHeight="1" x14ac:dyDescent="0.25">
      <c r="A158" s="113" t="s">
        <v>250</v>
      </c>
      <c r="B158" s="114" t="s">
        <v>276</v>
      </c>
      <c r="C158" s="14"/>
      <c r="D158" s="62"/>
    </row>
    <row r="159" spans="1:4" s="18" customFormat="1" ht="33.75" customHeight="1" x14ac:dyDescent="0.25">
      <c r="A159" s="113" t="s">
        <v>251</v>
      </c>
      <c r="B159" s="114" t="s">
        <v>277</v>
      </c>
      <c r="C159" s="14"/>
      <c r="D159" s="62"/>
    </row>
    <row r="160" spans="1:4" s="18" customFormat="1" ht="34.5" customHeight="1" x14ac:dyDescent="0.25">
      <c r="A160" s="113" t="s">
        <v>252</v>
      </c>
      <c r="B160" s="114" t="s">
        <v>278</v>
      </c>
      <c r="C160" s="14"/>
      <c r="D160" s="62"/>
    </row>
    <row r="161" spans="1:4" s="18" customFormat="1" ht="42.75" customHeight="1" x14ac:dyDescent="0.25">
      <c r="A161" s="113" t="s">
        <v>253</v>
      </c>
      <c r="B161" s="114" t="s">
        <v>279</v>
      </c>
      <c r="C161" s="14"/>
      <c r="D161" s="62"/>
    </row>
    <row r="162" spans="1:4" s="18" customFormat="1" ht="61.5" customHeight="1" x14ac:dyDescent="0.25">
      <c r="A162" s="115" t="s">
        <v>254</v>
      </c>
      <c r="B162" s="116" t="s">
        <v>280</v>
      </c>
      <c r="C162" s="14"/>
      <c r="D162" s="62"/>
    </row>
    <row r="163" spans="1:4" s="18" customFormat="1" ht="65.25" customHeight="1" x14ac:dyDescent="0.25">
      <c r="A163" s="101" t="s">
        <v>48</v>
      </c>
      <c r="B163" s="102" t="s">
        <v>281</v>
      </c>
      <c r="C163" s="14"/>
      <c r="D163" s="62"/>
    </row>
    <row r="164" spans="1:4" s="18" customFormat="1" ht="85.5" customHeight="1" x14ac:dyDescent="0.25">
      <c r="A164" s="105" t="s">
        <v>255</v>
      </c>
      <c r="B164" s="106" t="s">
        <v>282</v>
      </c>
      <c r="C164" s="14"/>
      <c r="D164" s="62"/>
    </row>
    <row r="165" spans="1:4" s="18" customFormat="1" ht="40.5" customHeight="1" x14ac:dyDescent="0.25">
      <c r="A165" s="111" t="s">
        <v>49</v>
      </c>
      <c r="B165" s="102" t="s">
        <v>283</v>
      </c>
      <c r="C165" s="14"/>
      <c r="D165" s="62"/>
    </row>
    <row r="166" spans="1:4" s="18" customFormat="1" ht="42.75" customHeight="1" x14ac:dyDescent="0.25">
      <c r="A166" s="113" t="s">
        <v>256</v>
      </c>
      <c r="B166" s="104" t="s">
        <v>284</v>
      </c>
      <c r="C166" s="14"/>
      <c r="D166" s="62"/>
    </row>
    <row r="167" spans="1:4" s="18" customFormat="1" ht="63" customHeight="1" x14ac:dyDescent="0.25">
      <c r="A167" s="115" t="s">
        <v>257</v>
      </c>
      <c r="B167" s="106" t="s">
        <v>311</v>
      </c>
      <c r="C167" s="14"/>
      <c r="D167" s="62"/>
    </row>
    <row r="168" spans="1:4" s="18" customFormat="1" ht="74.25" customHeight="1" x14ac:dyDescent="0.25">
      <c r="A168" s="111" t="s">
        <v>50</v>
      </c>
      <c r="B168" s="102" t="s">
        <v>285</v>
      </c>
      <c r="C168" s="14"/>
      <c r="D168" s="62"/>
    </row>
    <row r="169" spans="1:4" s="18" customFormat="1" ht="60.75" customHeight="1" x14ac:dyDescent="0.25">
      <c r="A169" s="113" t="s">
        <v>258</v>
      </c>
      <c r="B169" s="104" t="s">
        <v>286</v>
      </c>
      <c r="C169" s="14"/>
      <c r="D169" s="62"/>
    </row>
    <row r="170" spans="1:4" s="18" customFormat="1" ht="54" customHeight="1" x14ac:dyDescent="0.25">
      <c r="A170" s="115" t="s">
        <v>259</v>
      </c>
      <c r="B170" s="106" t="s">
        <v>287</v>
      </c>
      <c r="C170" s="14"/>
      <c r="D170" s="62"/>
    </row>
    <row r="171" spans="1:4" s="18" customFormat="1" ht="124.5" customHeight="1" x14ac:dyDescent="0.25">
      <c r="A171" s="109" t="s">
        <v>260</v>
      </c>
      <c r="B171" s="110" t="s">
        <v>288</v>
      </c>
      <c r="C171" s="14"/>
      <c r="D171" s="62"/>
    </row>
    <row r="172" spans="1:4" s="18" customFormat="1" ht="111.75" customHeight="1" x14ac:dyDescent="0.25">
      <c r="A172" s="109" t="s">
        <v>261</v>
      </c>
      <c r="B172" s="110" t="s">
        <v>289</v>
      </c>
      <c r="C172" s="14"/>
      <c r="D172" s="62"/>
    </row>
    <row r="173" spans="1:4" s="18" customFormat="1" ht="74.25" customHeight="1" x14ac:dyDescent="0.25">
      <c r="A173" s="109" t="s">
        <v>262</v>
      </c>
      <c r="B173" s="110" t="s">
        <v>290</v>
      </c>
      <c r="C173" s="14"/>
      <c r="D173" s="62"/>
    </row>
    <row r="174" spans="1:4" s="18" customFormat="1" ht="87.75" customHeight="1" x14ac:dyDescent="0.25">
      <c r="A174" s="109" t="s">
        <v>301</v>
      </c>
      <c r="B174" s="110" t="s">
        <v>293</v>
      </c>
      <c r="C174" s="14"/>
      <c r="D174" s="62"/>
    </row>
    <row r="175" spans="1:4" s="18" customFormat="1" ht="125.25" customHeight="1" x14ac:dyDescent="0.25">
      <c r="A175" s="109" t="s">
        <v>302</v>
      </c>
      <c r="B175" s="110" t="s">
        <v>294</v>
      </c>
      <c r="C175" s="14"/>
      <c r="D175" s="62"/>
    </row>
    <row r="176" spans="1:4" s="18" customFormat="1" ht="108.75" customHeight="1" x14ac:dyDescent="0.25">
      <c r="A176" s="109" t="s">
        <v>303</v>
      </c>
      <c r="B176" s="110" t="s">
        <v>314</v>
      </c>
      <c r="C176" s="14"/>
      <c r="D176" s="62"/>
    </row>
    <row r="177" spans="1:5" s="18" customFormat="1" ht="84" customHeight="1" x14ac:dyDescent="0.25">
      <c r="A177" s="117" t="s">
        <v>304</v>
      </c>
      <c r="B177" s="110" t="s">
        <v>295</v>
      </c>
      <c r="C177" s="14"/>
      <c r="D177" s="62"/>
    </row>
    <row r="178" spans="1:5" s="18" customFormat="1" ht="201" customHeight="1" x14ac:dyDescent="0.25">
      <c r="A178" s="109" t="s">
        <v>305</v>
      </c>
      <c r="B178" s="110" t="s">
        <v>296</v>
      </c>
      <c r="C178" s="14"/>
      <c r="D178" s="62"/>
    </row>
    <row r="179" spans="1:5" s="18" customFormat="1" ht="96.75" customHeight="1" x14ac:dyDescent="0.25">
      <c r="A179" s="109" t="s">
        <v>306</v>
      </c>
      <c r="B179" s="110" t="s">
        <v>297</v>
      </c>
      <c r="C179" s="14"/>
      <c r="D179" s="62"/>
    </row>
    <row r="180" spans="1:5" s="18" customFormat="1" ht="119.25" customHeight="1" x14ac:dyDescent="0.25">
      <c r="A180" s="109" t="s">
        <v>307</v>
      </c>
      <c r="B180" s="110" t="s">
        <v>298</v>
      </c>
      <c r="C180" s="14"/>
      <c r="D180" s="62"/>
    </row>
    <row r="181" spans="1:5" s="18" customFormat="1" ht="57.75" customHeight="1" x14ac:dyDescent="0.25">
      <c r="A181" s="109" t="s">
        <v>308</v>
      </c>
      <c r="B181" s="118" t="s">
        <v>299</v>
      </c>
      <c r="C181" s="14"/>
      <c r="D181" s="62"/>
    </row>
    <row r="182" spans="1:5" s="18" customFormat="1" ht="49.5" customHeight="1" thickBot="1" x14ac:dyDescent="0.3">
      <c r="A182" s="119" t="s">
        <v>309</v>
      </c>
      <c r="B182" s="120" t="s">
        <v>300</v>
      </c>
      <c r="C182" s="63"/>
      <c r="D182" s="64"/>
    </row>
    <row r="183" spans="1:5" s="23" customFormat="1" ht="9" customHeight="1" x14ac:dyDescent="0.25">
      <c r="A183" s="65"/>
      <c r="B183" s="65"/>
      <c r="C183" s="66"/>
      <c r="D183" s="67"/>
      <c r="E183" s="18"/>
    </row>
    <row r="184" spans="1:5" s="18" customFormat="1" ht="20.100000000000001" customHeight="1" x14ac:dyDescent="0.25">
      <c r="A184" s="136" t="s">
        <v>41</v>
      </c>
      <c r="B184" s="136"/>
      <c r="C184" s="136"/>
      <c r="D184" s="136"/>
    </row>
    <row r="185" spans="1:5" s="18" customFormat="1" ht="4.5" customHeight="1" thickBot="1" x14ac:dyDescent="0.3">
      <c r="B185" s="23"/>
    </row>
    <row r="186" spans="1:5" s="18" customFormat="1" ht="88.5" customHeight="1" x14ac:dyDescent="0.25">
      <c r="A186" s="153" t="s">
        <v>141</v>
      </c>
      <c r="B186" s="154"/>
      <c r="C186" s="157" t="s">
        <v>155</v>
      </c>
      <c r="D186" s="158"/>
    </row>
    <row r="187" spans="1:5" s="23" customFormat="1" ht="39" customHeight="1" thickBot="1" x14ac:dyDescent="0.3">
      <c r="A187" s="155"/>
      <c r="B187" s="156"/>
      <c r="C187" s="68" t="s">
        <v>153</v>
      </c>
      <c r="D187" s="59" t="s">
        <v>25</v>
      </c>
      <c r="E187" s="18"/>
    </row>
    <row r="188" spans="1:5" s="23" customFormat="1" ht="172.5" customHeight="1" x14ac:dyDescent="0.25">
      <c r="A188" s="107" t="s">
        <v>13</v>
      </c>
      <c r="B188" s="121" t="s">
        <v>238</v>
      </c>
      <c r="C188" s="14"/>
      <c r="D188" s="60"/>
      <c r="E188" s="18"/>
    </row>
    <row r="189" spans="1:5" s="23" customFormat="1" ht="32.25" customHeight="1" x14ac:dyDescent="0.25">
      <c r="A189" s="109" t="s">
        <v>42</v>
      </c>
      <c r="B189" s="122" t="s">
        <v>323</v>
      </c>
      <c r="C189" s="14"/>
      <c r="D189" s="62"/>
      <c r="E189" s="18"/>
    </row>
    <row r="190" spans="1:5" s="23" customFormat="1" ht="88.5" customHeight="1" x14ac:dyDescent="0.25">
      <c r="A190" s="107" t="s">
        <v>43</v>
      </c>
      <c r="B190" s="122" t="s">
        <v>324</v>
      </c>
      <c r="C190" s="14"/>
      <c r="D190" s="61"/>
      <c r="E190" s="18"/>
    </row>
    <row r="191" spans="1:5" s="23" customFormat="1" ht="40.5" customHeight="1" x14ac:dyDescent="0.25">
      <c r="A191" s="109" t="s">
        <v>44</v>
      </c>
      <c r="B191" s="123" t="s">
        <v>60</v>
      </c>
      <c r="C191" s="14"/>
      <c r="D191" s="61"/>
      <c r="E191" s="18"/>
    </row>
    <row r="192" spans="1:5" s="23" customFormat="1" ht="32.25" customHeight="1" x14ac:dyDescent="0.25">
      <c r="A192" s="107" t="s">
        <v>45</v>
      </c>
      <c r="B192" s="124" t="s">
        <v>56</v>
      </c>
      <c r="C192" s="14"/>
      <c r="D192" s="61"/>
      <c r="E192" s="18"/>
    </row>
    <row r="193" spans="1:5" s="23" customFormat="1" ht="35.25" customHeight="1" x14ac:dyDescent="0.25">
      <c r="A193" s="109" t="s">
        <v>46</v>
      </c>
      <c r="B193" s="124" t="s">
        <v>57</v>
      </c>
      <c r="C193" s="14"/>
      <c r="D193" s="61"/>
      <c r="E193" s="18"/>
    </row>
    <row r="194" spans="1:5" s="23" customFormat="1" ht="32.25" customHeight="1" x14ac:dyDescent="0.25">
      <c r="A194" s="107" t="s">
        <v>52</v>
      </c>
      <c r="B194" s="124" t="s">
        <v>58</v>
      </c>
      <c r="C194" s="14"/>
      <c r="D194" s="61"/>
      <c r="E194" s="18"/>
    </row>
    <row r="195" spans="1:5" s="23" customFormat="1" ht="39.75" customHeight="1" x14ac:dyDescent="0.25">
      <c r="A195" s="109" t="s">
        <v>47</v>
      </c>
      <c r="B195" s="124" t="s">
        <v>59</v>
      </c>
      <c r="C195" s="14"/>
      <c r="D195" s="61"/>
      <c r="E195" s="18"/>
    </row>
    <row r="196" spans="1:5" s="23" customFormat="1" ht="38.25" customHeight="1" x14ac:dyDescent="0.25">
      <c r="A196" s="107" t="s">
        <v>48</v>
      </c>
      <c r="B196" s="123" t="s">
        <v>325</v>
      </c>
      <c r="C196" s="14"/>
      <c r="D196" s="69"/>
      <c r="E196" s="18"/>
    </row>
    <row r="197" spans="1:5" s="23" customFormat="1" ht="45" customHeight="1" x14ac:dyDescent="0.25">
      <c r="A197" s="109" t="s">
        <v>49</v>
      </c>
      <c r="B197" s="123" t="s">
        <v>326</v>
      </c>
      <c r="C197" s="14"/>
      <c r="D197" s="61"/>
      <c r="E197" s="18"/>
    </row>
    <row r="198" spans="1:5" s="23" customFormat="1" ht="78.75" customHeight="1" thickBot="1" x14ac:dyDescent="0.3">
      <c r="A198" s="125" t="s">
        <v>50</v>
      </c>
      <c r="B198" s="126" t="s">
        <v>334</v>
      </c>
      <c r="C198" s="63"/>
      <c r="D198" s="70"/>
      <c r="E198" s="18"/>
    </row>
    <row r="199" spans="1:5" s="18" customFormat="1" ht="6.75" customHeight="1" x14ac:dyDescent="0.25">
      <c r="A199" s="65"/>
      <c r="B199" s="65"/>
      <c r="C199" s="66"/>
      <c r="D199" s="67"/>
    </row>
    <row r="200" spans="1:5" s="18" customFormat="1" ht="15.75" customHeight="1" x14ac:dyDescent="0.25">
      <c r="A200" s="136" t="s">
        <v>12</v>
      </c>
      <c r="B200" s="136"/>
      <c r="C200" s="136"/>
      <c r="D200" s="136"/>
    </row>
    <row r="201" spans="1:5" s="23" customFormat="1" ht="26.25" customHeight="1" x14ac:dyDescent="0.25">
      <c r="A201" s="67" t="s">
        <v>14</v>
      </c>
      <c r="B201" s="184" t="s">
        <v>162</v>
      </c>
      <c r="C201" s="184"/>
      <c r="D201" s="184"/>
      <c r="E201" s="18"/>
    </row>
    <row r="202" spans="1:5" s="72" customFormat="1" ht="26.25" customHeight="1" x14ac:dyDescent="0.25">
      <c r="A202" s="71" t="s">
        <v>26</v>
      </c>
      <c r="B202" s="164" t="s">
        <v>331</v>
      </c>
      <c r="C202" s="164"/>
      <c r="D202" s="164"/>
      <c r="E202" s="40"/>
    </row>
    <row r="203" spans="1:5" s="73" customFormat="1" ht="39" customHeight="1" x14ac:dyDescent="0.25">
      <c r="A203" s="180" t="s">
        <v>27</v>
      </c>
      <c r="B203" s="180"/>
      <c r="C203" s="180"/>
      <c r="D203" s="23"/>
      <c r="E203" s="18"/>
    </row>
    <row r="204" spans="1:5" s="18" customFormat="1" ht="24.95" customHeight="1" x14ac:dyDescent="0.25">
      <c r="A204" s="74" t="s">
        <v>28</v>
      </c>
      <c r="B204" s="75"/>
      <c r="D204" s="73"/>
    </row>
    <row r="205" spans="1:5" s="18" customFormat="1" ht="24.95" customHeight="1" x14ac:dyDescent="0.25">
      <c r="A205" s="74" t="s">
        <v>29</v>
      </c>
      <c r="B205" s="75"/>
      <c r="D205" s="73"/>
    </row>
    <row r="206" spans="1:5" s="18" customFormat="1" ht="24.95" customHeight="1" x14ac:dyDescent="0.25">
      <c r="A206" s="74" t="s">
        <v>30</v>
      </c>
      <c r="B206" s="75"/>
      <c r="D206" s="73"/>
    </row>
    <row r="207" spans="1:5" s="23" customFormat="1" ht="24.95" customHeight="1" x14ac:dyDescent="0.25">
      <c r="A207" s="74" t="s">
        <v>31</v>
      </c>
      <c r="B207" s="75"/>
      <c r="C207" s="18"/>
      <c r="D207" s="76"/>
      <c r="E207" s="18"/>
    </row>
    <row r="208" spans="1:5" s="18" customFormat="1" ht="14.25" customHeight="1" x14ac:dyDescent="0.2">
      <c r="A208" s="77"/>
      <c r="B208" s="78"/>
      <c r="D208" s="79"/>
    </row>
    <row r="209" spans="1:15" s="23" customFormat="1" ht="15" customHeight="1" x14ac:dyDescent="0.25">
      <c r="A209" s="181" t="s">
        <v>32</v>
      </c>
      <c r="B209" s="181"/>
      <c r="C209" s="181"/>
      <c r="D209" s="181"/>
    </row>
    <row r="210" spans="1:15" s="18" customFormat="1" ht="36.75" customHeight="1" x14ac:dyDescent="0.25">
      <c r="A210" s="163" t="s">
        <v>163</v>
      </c>
      <c r="B210" s="163"/>
      <c r="C210" s="163"/>
      <c r="D210" s="163"/>
    </row>
    <row r="211" spans="1:15" s="18" customFormat="1" ht="20.100000000000001" customHeight="1" x14ac:dyDescent="0.2">
      <c r="A211" s="12"/>
      <c r="B211" s="23"/>
      <c r="C211" s="27"/>
    </row>
    <row r="212" spans="1:15" s="23" customFormat="1" ht="4.5" customHeight="1" x14ac:dyDescent="0.2">
      <c r="A212" s="12"/>
      <c r="C212" s="27"/>
      <c r="D212" s="18"/>
    </row>
    <row r="213" spans="1:15" s="23" customFormat="1" ht="20.100000000000001" customHeight="1" x14ac:dyDescent="0.25">
      <c r="A213" s="80" t="s">
        <v>33</v>
      </c>
      <c r="B213" s="81"/>
      <c r="C213" s="162"/>
      <c r="D213" s="162"/>
    </row>
    <row r="214" spans="1:15" s="23" customFormat="1" ht="20.100000000000001" customHeight="1" x14ac:dyDescent="0.25">
      <c r="A214" s="82"/>
      <c r="B214" s="83"/>
      <c r="C214" s="145"/>
      <c r="D214" s="145"/>
    </row>
    <row r="215" spans="1:15" ht="20.100000000000001" customHeight="1" x14ac:dyDescent="0.25">
      <c r="A215" s="80" t="s">
        <v>34</v>
      </c>
      <c r="B215" s="81"/>
      <c r="C215" s="145"/>
      <c r="D215" s="145"/>
    </row>
    <row r="216" spans="1:15" s="18" customFormat="1" ht="20.100000000000001" customHeight="1" x14ac:dyDescent="0.25">
      <c r="A216" s="12"/>
      <c r="B216" s="23"/>
      <c r="C216" s="145"/>
      <c r="D216" s="145"/>
    </row>
    <row r="217" spans="1:15" s="18" customFormat="1" ht="20.100000000000001" customHeight="1" x14ac:dyDescent="0.25">
      <c r="A217" s="12"/>
      <c r="B217" s="23"/>
      <c r="C217" s="84" t="s">
        <v>158</v>
      </c>
      <c r="D217" s="171"/>
      <c r="E217" s="171"/>
    </row>
    <row r="218" spans="1:15" s="18" customFormat="1" ht="37.5" customHeight="1" x14ac:dyDescent="0.25">
      <c r="B218" s="23"/>
      <c r="C218" s="82"/>
      <c r="D218" s="85"/>
      <c r="E218" s="85"/>
    </row>
    <row r="219" spans="1:15" s="1" customFormat="1" ht="15.75" customHeight="1" x14ac:dyDescent="0.2">
      <c r="A219" s="146" t="s">
        <v>156</v>
      </c>
      <c r="B219" s="146"/>
      <c r="C219" s="86" t="s">
        <v>159</v>
      </c>
      <c r="D219" s="172"/>
      <c r="E219" s="172"/>
      <c r="F219" s="3"/>
      <c r="G219" s="3"/>
      <c r="H219" s="3"/>
      <c r="I219" s="3"/>
      <c r="J219" s="3"/>
      <c r="K219" s="3"/>
      <c r="L219" s="3"/>
      <c r="M219" s="4"/>
      <c r="O219" s="4"/>
    </row>
    <row r="220" spans="1:15" s="11" customFormat="1" ht="15" x14ac:dyDescent="0.25">
      <c r="A220" s="5"/>
      <c r="B220" s="6" t="s">
        <v>157</v>
      </c>
      <c r="C220" s="86" t="s">
        <v>160</v>
      </c>
      <c r="D220" s="173"/>
      <c r="E220" s="173"/>
      <c r="F220" s="9"/>
      <c r="G220" s="9"/>
      <c r="H220" s="9"/>
      <c r="I220" s="9"/>
      <c r="J220" s="9"/>
      <c r="K220" s="9"/>
      <c r="L220" s="9"/>
      <c r="M220" s="10"/>
      <c r="O220" s="10"/>
    </row>
    <row r="221" spans="1:15" s="18" customFormat="1" ht="24" customHeight="1" x14ac:dyDescent="0.2">
      <c r="B221" s="23"/>
      <c r="C221" s="87" t="s">
        <v>161</v>
      </c>
      <c r="D221" s="12"/>
    </row>
    <row r="222" spans="1:15" s="18" customFormat="1" ht="24" customHeight="1" x14ac:dyDescent="0.2">
      <c r="B222" s="23"/>
      <c r="C222" s="12"/>
    </row>
    <row r="223" spans="1:15" s="18" customFormat="1" ht="24" customHeight="1" x14ac:dyDescent="0.25">
      <c r="B223" s="23"/>
    </row>
    <row r="224" spans="1:15" s="18" customFormat="1" ht="20.100000000000001" customHeight="1" x14ac:dyDescent="0.2">
      <c r="B224" s="23"/>
      <c r="C224" s="1"/>
      <c r="D224" s="2"/>
      <c r="E224" s="2"/>
    </row>
    <row r="225" spans="1:5" s="18" customFormat="1" ht="20.100000000000001" customHeight="1" x14ac:dyDescent="0.2">
      <c r="B225" s="23"/>
      <c r="C225" s="7"/>
      <c r="D225" s="8"/>
      <c r="E225" s="8"/>
    </row>
    <row r="226" spans="1:5" s="18" customFormat="1" ht="50.1" customHeight="1" x14ac:dyDescent="0.25">
      <c r="B226" s="23"/>
    </row>
    <row r="227" spans="1:5" s="18" customFormat="1" ht="43.5" customHeight="1" x14ac:dyDescent="0.25">
      <c r="B227" s="23"/>
    </row>
    <row r="228" spans="1:5" ht="24.75" customHeight="1" x14ac:dyDescent="0.2">
      <c r="A228" s="18"/>
      <c r="C228" s="18"/>
      <c r="E228" s="18"/>
    </row>
    <row r="229" spans="1:5" x14ac:dyDescent="0.2">
      <c r="A229" s="18"/>
      <c r="C229" s="18"/>
      <c r="E229" s="18"/>
    </row>
    <row r="230" spans="1:5" ht="20.100000000000001" customHeight="1" x14ac:dyDescent="0.2">
      <c r="C230" s="18"/>
      <c r="E230" s="18"/>
    </row>
    <row r="231" spans="1:5" ht="4.5" customHeight="1" x14ac:dyDescent="0.2">
      <c r="C231" s="18"/>
      <c r="E231" s="18"/>
    </row>
    <row r="232" spans="1:5" ht="20.100000000000001" customHeight="1" x14ac:dyDescent="0.2">
      <c r="C232" s="18"/>
      <c r="E232" s="18"/>
    </row>
    <row r="233" spans="1:5" ht="20.100000000000001" customHeight="1" x14ac:dyDescent="0.2">
      <c r="C233" s="18"/>
    </row>
    <row r="234" spans="1:5" ht="20.100000000000001" customHeight="1" x14ac:dyDescent="0.2">
      <c r="C234" s="18"/>
    </row>
  </sheetData>
  <sheetProtection algorithmName="SHA-512" hashValue="DGv821+R6jxnI0DZlxdkUdbRSanHjIV7ZaTtfMm6LtIj+BHj8qFJdnXGfu4BK8psCUMtwyqOFVyc17ODR13Iiw==" saltValue="pIE7vY/3exIq3bubjq2wYA==" spinCount="100000" sheet="1" formatCells="0" formatColumns="0" formatRows="0" insertColumns="0" insertRows="0" insertHyperlinks="0" deleteColumns="0" deleteRows="0" selectLockedCells="1" sort="0" autoFilter="0" pivotTables="0"/>
  <mergeCells count="58">
    <mergeCell ref="C214:D214"/>
    <mergeCell ref="D217:E217"/>
    <mergeCell ref="D219:E219"/>
    <mergeCell ref="D220:E220"/>
    <mergeCell ref="A85:D85"/>
    <mergeCell ref="A87:D87"/>
    <mergeCell ref="A89:D89"/>
    <mergeCell ref="A95:D95"/>
    <mergeCell ref="A99:D99"/>
    <mergeCell ref="A118:D118"/>
    <mergeCell ref="A125:D125"/>
    <mergeCell ref="A203:C203"/>
    <mergeCell ref="A209:D209"/>
    <mergeCell ref="C137:D137"/>
    <mergeCell ref="A137:B138"/>
    <mergeCell ref="B201:D201"/>
    <mergeCell ref="A44:D44"/>
    <mergeCell ref="A51:D51"/>
    <mergeCell ref="A56:D56"/>
    <mergeCell ref="A64:D64"/>
    <mergeCell ref="A67:D67"/>
    <mergeCell ref="A77:D77"/>
    <mergeCell ref="C215:D215"/>
    <mergeCell ref="A135:D135"/>
    <mergeCell ref="A219:B219"/>
    <mergeCell ref="A39:D39"/>
    <mergeCell ref="A41:B42"/>
    <mergeCell ref="C41:D41"/>
    <mergeCell ref="A184:D184"/>
    <mergeCell ref="A186:B187"/>
    <mergeCell ref="C186:D186"/>
    <mergeCell ref="A43:D43"/>
    <mergeCell ref="C213:D213"/>
    <mergeCell ref="C216:D216"/>
    <mergeCell ref="A210:D210"/>
    <mergeCell ref="A200:D200"/>
    <mergeCell ref="B202:D202"/>
    <mergeCell ref="A3:D3"/>
    <mergeCell ref="A7:D7"/>
    <mergeCell ref="A8:D8"/>
    <mergeCell ref="A11:D11"/>
    <mergeCell ref="A12:B12"/>
    <mergeCell ref="A35:B35"/>
    <mergeCell ref="A2:D2"/>
    <mergeCell ref="A1:D1"/>
    <mergeCell ref="A25:B25"/>
    <mergeCell ref="A28:B28"/>
    <mergeCell ref="A9:D9"/>
    <mergeCell ref="A15:B15"/>
    <mergeCell ref="A13:B13"/>
    <mergeCell ref="A14:B14"/>
    <mergeCell ref="A21:D21"/>
    <mergeCell ref="A22:B22"/>
    <mergeCell ref="A23:D23"/>
    <mergeCell ref="A18:B18"/>
    <mergeCell ref="A19:B19"/>
    <mergeCell ref="A20:D20"/>
    <mergeCell ref="A24:D24"/>
  </mergeCells>
  <conditionalFormatting sqref="B213 C188:C198 C100:C117 C139:C182">
    <cfRule type="containsBlanks" dxfId="20" priority="143">
      <formula>LEN(TRIM(B100))=0</formula>
    </cfRule>
  </conditionalFormatting>
  <conditionalFormatting sqref="B215">
    <cfRule type="containsBlanks" dxfId="19" priority="142">
      <formula>LEN(TRIM(B215))=0</formula>
    </cfRule>
  </conditionalFormatting>
  <conditionalFormatting sqref="B4:B5">
    <cfRule type="containsBlanks" dxfId="18" priority="141">
      <formula>LEN(TRIM(B4))=0</formula>
    </cfRule>
  </conditionalFormatting>
  <conditionalFormatting sqref="B206">
    <cfRule type="containsBlanks" dxfId="17" priority="131">
      <formula>LEN(TRIM(B206))=0</formula>
    </cfRule>
  </conditionalFormatting>
  <conditionalFormatting sqref="B205">
    <cfRule type="containsBlanks" dxfId="16" priority="82">
      <formula>LEN(TRIM(B205))=0</formula>
    </cfRule>
  </conditionalFormatting>
  <conditionalFormatting sqref="B204">
    <cfRule type="containsBlanks" dxfId="15" priority="81">
      <formula>LEN(TRIM(B204))=0</formula>
    </cfRule>
  </conditionalFormatting>
  <conditionalFormatting sqref="B207">
    <cfRule type="containsBlanks" dxfId="14" priority="80">
      <formula>LEN(TRIM(B207))=0</formula>
    </cfRule>
  </conditionalFormatting>
  <conditionalFormatting sqref="D219:E219">
    <cfRule type="containsBlanks" dxfId="13" priority="17">
      <formula>LEN(TRIM(D219))=0</formula>
    </cfRule>
  </conditionalFormatting>
  <conditionalFormatting sqref="D220:E220">
    <cfRule type="containsBlanks" dxfId="12" priority="16">
      <formula>LEN(TRIM(D220))=0</formula>
    </cfRule>
  </conditionalFormatting>
  <conditionalFormatting sqref="C45:C50">
    <cfRule type="containsBlanks" dxfId="11" priority="15">
      <formula>LEN(TRIM(C45))=0</formula>
    </cfRule>
  </conditionalFormatting>
  <conditionalFormatting sqref="C52:C55">
    <cfRule type="containsBlanks" dxfId="10" priority="14">
      <formula>LEN(TRIM(C52))=0</formula>
    </cfRule>
  </conditionalFormatting>
  <conditionalFormatting sqref="C57:C63">
    <cfRule type="containsBlanks" dxfId="9" priority="13">
      <formula>LEN(TRIM(C57))=0</formula>
    </cfRule>
  </conditionalFormatting>
  <conditionalFormatting sqref="C65:C66">
    <cfRule type="containsBlanks" dxfId="8" priority="12">
      <formula>LEN(TRIM(C65))=0</formula>
    </cfRule>
  </conditionalFormatting>
  <conditionalFormatting sqref="C68:C76">
    <cfRule type="containsBlanks" dxfId="7" priority="11">
      <formula>LEN(TRIM(C68))=0</formula>
    </cfRule>
  </conditionalFormatting>
  <conditionalFormatting sqref="C78:C84">
    <cfRule type="containsBlanks" dxfId="6" priority="10">
      <formula>LEN(TRIM(C78))=0</formula>
    </cfRule>
  </conditionalFormatting>
  <conditionalFormatting sqref="C86">
    <cfRule type="containsBlanks" dxfId="5" priority="9">
      <formula>LEN(TRIM(C86))=0</formula>
    </cfRule>
  </conditionalFormatting>
  <conditionalFormatting sqref="C88">
    <cfRule type="containsBlanks" dxfId="4" priority="8">
      <formula>LEN(TRIM(C88))=0</formula>
    </cfRule>
  </conditionalFormatting>
  <conditionalFormatting sqref="C90:C94">
    <cfRule type="containsBlanks" dxfId="3" priority="7">
      <formula>LEN(TRIM(C90))=0</formula>
    </cfRule>
  </conditionalFormatting>
  <conditionalFormatting sqref="C96:C98">
    <cfRule type="containsBlanks" dxfId="2" priority="6">
      <formula>LEN(TRIM(C96))=0</formula>
    </cfRule>
  </conditionalFormatting>
  <conditionalFormatting sqref="C119:C124">
    <cfRule type="containsBlanks" dxfId="1" priority="4">
      <formula>LEN(TRIM(C119))=0</formula>
    </cfRule>
  </conditionalFormatting>
  <conditionalFormatting sqref="C126:C133">
    <cfRule type="containsBlanks" dxfId="0" priority="3">
      <formula>LEN(TRIM(C126))=0</formula>
    </cfRule>
  </conditionalFormatting>
  <printOptions horizontalCentered="1"/>
  <pageMargins left="0.70866141732283472" right="0.70866141732283472" top="0.9055118110236221" bottom="0.74803149606299213" header="0.31496062992125984" footer="0.31496062992125984"/>
  <pageSetup paperSize="9" scale="5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5</xdr:row>
                    <xdr:rowOff>0</xdr:rowOff>
                  </from>
                  <to>
                    <xdr:col>0</xdr:col>
                    <xdr:colOff>88582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6</xdr:row>
                    <xdr:rowOff>9525</xdr:rowOff>
                  </from>
                  <to>
                    <xdr:col>0</xdr:col>
                    <xdr:colOff>88582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5</xdr:row>
                    <xdr:rowOff>9525</xdr:rowOff>
                  </from>
                  <to>
                    <xdr:col>0</xdr:col>
                    <xdr:colOff>885825</xdr:colOff>
                    <xdr:row>35</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6</xdr:row>
                    <xdr:rowOff>0</xdr:rowOff>
                  </from>
                  <to>
                    <xdr:col>0</xdr:col>
                    <xdr:colOff>88582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3-07-31T07:41:06Z</cp:lastPrinted>
  <dcterms:created xsi:type="dcterms:W3CDTF">2017-04-21T05:51:15Z</dcterms:created>
  <dcterms:modified xsi:type="dcterms:W3CDTF">2023-08-01T10:54:44Z</dcterms:modified>
</cp:coreProperties>
</file>